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改定ホームページ\給付費算定の届出\6月から\"/>
    </mc:Choice>
  </mc:AlternateContent>
  <xr:revisionPtr revIDLastSave="0" documentId="13_ncr:1_{71F25F85-43CF-4944-9525-4B1BCBCE2D29}" xr6:coauthVersionLast="47" xr6:coauthVersionMax="47" xr10:uidLastSave="{00000000-0000-0000-0000-000000000000}"/>
  <bookViews>
    <workbookView xWindow="20370" yWindow="-120" windowWidth="29040" windowHeight="15840" xr2:uid="{CEC31E53-B714-4AC5-B957-F1B1BC08DF9F}"/>
  </bookViews>
  <sheets>
    <sheet name="別紙１-１ｰ２" sheetId="2" r:id="rId1"/>
    <sheet name="備考（1）" sheetId="3" r:id="rId2"/>
    <sheet name="Sheet1" sheetId="1" r:id="rId3"/>
  </sheets>
  <externalReferences>
    <externalReference r:id="rId4"/>
    <externalReference r:id="rId5"/>
    <externalReference r:id="rId6"/>
  </externalReferences>
  <definedNames>
    <definedName name="ｋ">#N/A</definedName>
    <definedName name="_xlnm.Print_Area" localSheetId="1">'備考（1）'!$A$1:$Q$79</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150" uniqueCount="111">
  <si>
    <t>（別紙１ー１－２）</t>
    <rPh sb="1" eb="3">
      <t>ベッシ</t>
    </rPh>
    <phoneticPr fontId="5"/>
  </si>
  <si>
    <t>介 護 給 付 費 算 定 に 係 る 体 制 等 状 況 一 覧 表（居宅サービス・施設サービス・居宅介護支援）</t>
    <rPh sb="36" eb="38">
      <t>キョタク</t>
    </rPh>
    <rPh sb="43" eb="45">
      <t>シセツ</t>
    </rPh>
    <rPh sb="50" eb="52">
      <t>キョタク</t>
    </rPh>
    <rPh sb="52" eb="54">
      <t>カイゴ</t>
    </rPh>
    <rPh sb="54" eb="56">
      <t>シエン</t>
    </rPh>
    <phoneticPr fontId="5"/>
  </si>
  <si>
    <t>事 業 所 番 号</t>
  </si>
  <si>
    <t>提供サービス</t>
    <phoneticPr fontId="5"/>
  </si>
  <si>
    <t>施設等の区分</t>
  </si>
  <si>
    <t>人員配置区分</t>
  </si>
  <si>
    <t>そ　 　　の　 　　他　　 　該　　 　当　　 　す 　　　る 　　　体 　　　制 　　　等</t>
    <phoneticPr fontId="5"/>
  </si>
  <si>
    <t>LIFEへの登録</t>
    <rPh sb="6" eb="8">
      <t>トウロク</t>
    </rPh>
    <phoneticPr fontId="5"/>
  </si>
  <si>
    <t>割 引</t>
  </si>
  <si>
    <t>各サービス共通</t>
  </si>
  <si>
    <t>地域区分</t>
  </si>
  <si>
    <t>□</t>
  </si>
  <si>
    <t>１　１級地</t>
  </si>
  <si>
    <t>６　２級地</t>
  </si>
  <si>
    <t>７　３級地</t>
  </si>
  <si>
    <t>２　４級地</t>
  </si>
  <si>
    <t>３　５級地</t>
  </si>
  <si>
    <t>４　６級地</t>
  </si>
  <si>
    <t>９　７級地</t>
  </si>
  <si>
    <t>５　その他</t>
  </si>
  <si>
    <t>１　なし</t>
  </si>
  <si>
    <t>２　あり</t>
  </si>
  <si>
    <t>１ なし</t>
    <phoneticPr fontId="5"/>
  </si>
  <si>
    <t>２ 加算Ⅰ</t>
    <phoneticPr fontId="5"/>
  </si>
  <si>
    <t>３ 加算Ⅱ</t>
    <phoneticPr fontId="5"/>
  </si>
  <si>
    <t>４ 加算Ⅲ</t>
    <phoneticPr fontId="5"/>
  </si>
  <si>
    <t>２ あり</t>
    <phoneticPr fontId="5"/>
  </si>
  <si>
    <t>１　非該当</t>
    <phoneticPr fontId="5"/>
  </si>
  <si>
    <t>２　該当</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5"/>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5"/>
  </si>
  <si>
    <t>ケアプランデータ連携システムの活用及び事務職員の配置の体制</t>
    <rPh sb="8" eb="10">
      <t>レンケイ</t>
    </rPh>
    <rPh sb="15" eb="17">
      <t>カツヨウ</t>
    </rPh>
    <rPh sb="17" eb="18">
      <t>オヨ</t>
    </rPh>
    <rPh sb="19" eb="21">
      <t>ジム</t>
    </rPh>
    <rPh sb="21" eb="23">
      <t>ショクイン</t>
    </rPh>
    <rPh sb="24" eb="26">
      <t>ハイチ</t>
    </rPh>
    <rPh sb="27" eb="29">
      <t>タイセイ</t>
    </rPh>
    <phoneticPr fontId="5"/>
  </si>
  <si>
    <t>特別地域加算</t>
  </si>
  <si>
    <t>居宅介護支援</t>
  </si>
  <si>
    <t>２　該当</t>
    <phoneticPr fontId="5"/>
  </si>
  <si>
    <t>特定事業所集中減算</t>
    <rPh sb="0" eb="2">
      <t>トクテイ</t>
    </rPh>
    <rPh sb="2" eb="5">
      <t>ジギョウショ</t>
    </rPh>
    <rPh sb="5" eb="7">
      <t>シュウチュウ</t>
    </rPh>
    <rPh sb="7" eb="9">
      <t>ゲンサン</t>
    </rPh>
    <phoneticPr fontId="5"/>
  </si>
  <si>
    <t>特定事業所加算</t>
    <rPh sb="2" eb="5">
      <t>ジギョウショ</t>
    </rPh>
    <rPh sb="5" eb="7">
      <t>カサン</t>
    </rPh>
    <phoneticPr fontId="5"/>
  </si>
  <si>
    <t>５ 加算Ａ</t>
    <phoneticPr fontId="5"/>
  </si>
  <si>
    <t>特定事業所医療介護連携加算</t>
    <rPh sb="0" eb="5">
      <t>トクテイジギョウショ</t>
    </rPh>
    <phoneticPr fontId="5"/>
  </si>
  <si>
    <t>ターミナルケアマネジメント加算</t>
    <rPh sb="13" eb="15">
      <t>カサン</t>
    </rPh>
    <phoneticPr fontId="5"/>
  </si>
  <si>
    <t>備考　１　この表は、事業所所在地以外の場所で一部事業を実施する出張所等がある場合について記載することとし、複数出張所等を有する場合は出張所ごとに提出してください。</t>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5"/>
  </si>
  <si>
    <t>　　４　短期入所療養介護にあっては、同一の施設区分で事業の実施が複数の病棟にわたる場合は、病棟ごとに届け出てください。</t>
    <phoneticPr fontId="5"/>
  </si>
  <si>
    <t>　　３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5"/>
  </si>
  <si>
    <t>　　２　介護老人保健施設に係る届出をした場合には、短期入所療養介護における届出事項で介護老人保健施設の届出と重複するものの届出は不要です。</t>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5"/>
  </si>
  <si>
    <t>　　　43「口腔連携強化加算」については、「口腔連携強化加算に関する届出書」（別紙11）を添付してください。</t>
    <phoneticPr fontId="5"/>
  </si>
  <si>
    <t>　　　42「ケアプランデータ連携システムの活用及び事務職員の配置の体制」については、要件を満たし、かつ居宅介護支援費（Ⅱ）を算定する場合は「２　あり」を選択してください。</t>
    <phoneticPr fontId="5"/>
  </si>
  <si>
    <t>　　　41「同一建物減算（同一敷地内建物等に居住する者への提供90％以上）」については、判定結果がわかる書類（「訪問介護、訪問型サービスにおける同一建物減算に係る計算書」（別紙10）又はこれに準じた計算書等）を添付してください。　</t>
    <rPh sb="61" eb="64">
      <t>ホウモンガタ</t>
    </rPh>
    <phoneticPr fontId="5"/>
  </si>
  <si>
    <t>　　　40「生産性向上推進体制加算」については、「生産性向上推進体制加算に係る届出書」（別紙28）を添付してください。</t>
    <phoneticPr fontId="5"/>
  </si>
  <si>
    <t>　　　39「遠隔死亡診断補助加算」については、「遠隔死亡診断補助加算に係る届出書」（別紙18）を添付してください。</t>
    <phoneticPr fontId="5"/>
  </si>
  <si>
    <t>　　　38「専門管理加算」については、「専門管理加算に係る届出書」（様式17）を添付してください。</t>
    <phoneticPr fontId="5"/>
  </si>
  <si>
    <t>　　　37「高齢者施設等感染対策向上加算Ⅰ」 「高齢者施設等感染対策向上加算Ⅱ」については、「高齢者施設等感染対策向上加算に係る届出書」（別紙35）を添付してください。</t>
    <phoneticPr fontId="5"/>
  </si>
  <si>
    <t>　　　36 「重度認知症疾患療養体制加算」に係る届出については、「重度認知症疾患療養体制加算に係る届出」（別紙31）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5"/>
  </si>
  <si>
    <t>　　　35 「褥瘡マネジメント加算」については、「褥瘡マネジメント加算に関する届出書」（別紙41）を添付してください。</t>
    <rPh sb="7" eb="9">
      <t>ジョクソウ</t>
    </rPh>
    <rPh sb="15" eb="17">
      <t>カサン</t>
    </rPh>
    <rPh sb="25" eb="27">
      <t>ジョクソウ</t>
    </rPh>
    <rPh sb="33" eb="35">
      <t>カサン</t>
    </rPh>
    <rPh sb="36" eb="37">
      <t>カン</t>
    </rPh>
    <rPh sb="39" eb="42">
      <t>トドケデショ</t>
    </rPh>
    <phoneticPr fontId="5"/>
  </si>
  <si>
    <t>　　　34 「移行支援加算」については、「訪問リハビリテーション事業所における移行支援加算に係る届出」（別紙20）又は「通所リハビリテーション事業所における移行支援加算に係る届出書」（別紙24）を添付してください。</t>
    <rPh sb="7" eb="9">
      <t>イコウ</t>
    </rPh>
    <rPh sb="9" eb="13">
      <t>シエンカサン</t>
    </rPh>
    <rPh sb="57" eb="58">
      <t>マタ</t>
    </rPh>
    <rPh sb="60" eb="62">
      <t>ツウショ</t>
    </rPh>
    <rPh sb="89" eb="90">
      <t>ショ</t>
    </rPh>
    <phoneticPr fontId="5"/>
  </si>
  <si>
    <t>　　　33 「テクノロジーの導入」については、「テクノロジーの導入による日常生活継続支援加算に関する届出書」（別紙37ー2）、「テクノロジーの導入による入居継続支援加算に関する届出書」（別紙32ー2）、「テクノロジーの導入による夜勤職員
　　　　配置加算に係る届出書」（別紙27）のいずれかを添付してください。</t>
    <rPh sb="14" eb="16">
      <t>ドウニュウ</t>
    </rPh>
    <rPh sb="93" eb="95">
      <t>ベッシ</t>
    </rPh>
    <phoneticPr fontId="5"/>
  </si>
  <si>
    <t>　　　32 「配置医師緊急時対応加算」については、「配置医師緊急時対応加算に係る届出書」（別紙39）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5"/>
  </si>
  <si>
    <t>　　　31 「入居継続支援加算」については、「入居継続支援加算に係る届出書」（別紙32）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5"/>
  </si>
  <si>
    <t>　　　30 「日常生活継続支援加算」については、「日常生活継続支援加算に関する届出書」（別紙37）を添付してください。</t>
    <rPh sb="7" eb="9">
      <t>ニチジョウ</t>
    </rPh>
    <rPh sb="9" eb="11">
      <t>セイカツ</t>
    </rPh>
    <rPh sb="11" eb="13">
      <t>ケイゾク</t>
    </rPh>
    <rPh sb="13" eb="17">
      <t>シエンカサン</t>
    </rPh>
    <phoneticPr fontId="5"/>
  </si>
  <si>
    <t>　　　29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36）を、「特定事業所加算（A）」については、「特定事業所加算(A)に係る届出書（居宅介護支援事業所）」（別紙36－2）を添付してください。
　　　　</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5"/>
  </si>
  <si>
    <t>　　　　　　　　ウ　介護支援専門員（病院において従事する者に限る。）の欠員…「その他該当する体制等」欄の介護支援専門員を選択する。</t>
  </si>
  <si>
    <t>　　　　　　　　（（１）が優先する。）</t>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5"/>
  </si>
  <si>
    <t>　　　　　　　　　４　過疎地域の持続的発展の支援に関する特別措置法（令和３年法律第19号）第２条第１項に規定する過疎地域</t>
    <rPh sb="11" eb="13">
      <t>カソ</t>
    </rPh>
    <rPh sb="13" eb="15">
      <t>チイキ</t>
    </rPh>
    <rPh sb="16" eb="19">
      <t>ジゾクテキ</t>
    </rPh>
    <rPh sb="19" eb="21">
      <t>ハッテン</t>
    </rPh>
    <rPh sb="22" eb="24">
      <t>シエン</t>
    </rPh>
    <rPh sb="25" eb="26">
      <t>カン</t>
    </rPh>
    <rPh sb="28" eb="30">
      <t>トクベツ</t>
    </rPh>
    <rPh sb="30" eb="33">
      <t>ソチホウ</t>
    </rPh>
    <rPh sb="34" eb="36">
      <t>レイワ</t>
    </rPh>
    <rPh sb="37" eb="38">
      <t>ネン</t>
    </rPh>
    <rPh sb="38" eb="40">
      <t>ホウリツ</t>
    </rPh>
    <rPh sb="40" eb="41">
      <t>ダイ</t>
    </rPh>
    <rPh sb="43" eb="44">
      <t>ゴウ</t>
    </rPh>
    <rPh sb="45" eb="46">
      <t>ダイ</t>
    </rPh>
    <rPh sb="47" eb="48">
      <t>ジョウ</t>
    </rPh>
    <rPh sb="48" eb="49">
      <t>ダイ</t>
    </rPh>
    <rPh sb="50" eb="51">
      <t>コウ</t>
    </rPh>
    <rPh sb="52" eb="54">
      <t>キテイ</t>
    </rPh>
    <rPh sb="56" eb="58">
      <t>カソ</t>
    </rPh>
    <rPh sb="58" eb="60">
      <t>チイキ</t>
    </rPh>
    <phoneticPr fontId="5"/>
  </si>
  <si>
    <t>　　　　　　　　　３　山村振興法（昭和４０年法律第６４号）第７条第１項の規定により指定された振興山村</t>
  </si>
  <si>
    <t>　　　　　　　　　２　辺地に係る公共的施設の総合整備のための財政上の特別措置等に関する法律（昭和３７年法律第８８号）第２条第１項に規定する辺地</t>
  </si>
  <si>
    <t>　　　　　　　　　１　離島振興法（昭和２８年法律第７２号）第２条第１項の規定により指定された離島振興対策実施地域</t>
  </si>
  <si>
    <t>　　　　　　　　　　　厚生労働大臣が定める地域は、人口５万人未満の市町村であって次に掲げる地域をその区域内に有する市町村の区域とする。</t>
    <rPh sb="13" eb="15">
      <t>ロウドウ</t>
    </rPh>
    <phoneticPr fontId="5"/>
  </si>
  <si>
    <t>　　　　　　　　　　＜厚生労働大臣が定める地域＞</t>
    <rPh sb="13" eb="15">
      <t>ロウドウ</t>
    </rPh>
    <phoneticPr fontId="5"/>
  </si>
  <si>
    <t>　　　　　　　　　　ただし、事業所・施設が以下の地域に所在する場合は、「その他該当する体制等」欄のみ選択する。（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5"/>
  </si>
  <si>
    <t xml:space="preserve">              　　　　（人員配置区分欄の変更は行わない。）</t>
  </si>
  <si>
    <t>　　　　（２）　ア　医師（病院において従事する者を除く。）、理学療法士、作業療法士、言語聴覚士、看護・介護支援専門員（病院において従事するものを除く。）、介護従事者の欠員…「その他該当する体制等」欄の欠員該当職種のみ選択する。</t>
    <rPh sb="42" eb="44">
      <t>ゲンゴ</t>
    </rPh>
    <rPh sb="44" eb="47">
      <t>チョウカクシ</t>
    </rPh>
    <rPh sb="48" eb="50">
      <t>カンゴ</t>
    </rPh>
    <phoneticPr fontId="5"/>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5"/>
  </si>
  <si>
    <t>　　　28 「職員の欠員による減算の状況」については、以下の要領で記載してください。</t>
    <phoneticPr fontId="5"/>
  </si>
  <si>
    <t>　　　27「特定診療費項目」「リハビリテーション提供体制」については、これらに相当する診療報酬の算定のために届け出た届出書の写しを添付してください。</t>
    <phoneticPr fontId="5"/>
  </si>
  <si>
    <t>　　　26 「サービス提供体制強化加算」については、「サービス提供体制強化加算に関する届出書」（別紙14）～（別紙14－6）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5"/>
  </si>
  <si>
    <t>　　　25　訪問介護における「特定事業所加算」については、「加算（Ⅰ）～（Ⅳ）」は「特定事業所加算（Ⅰ）～（Ⅳ）に係る届出書（別紙9）」を、「加算（Ⅰ）、（Ⅲ）」の重度要介護者等対応要件の①を選択する場合は、
　　　　　「重度要介護者等対応要件の割合に関する計算書（特定事業所加算（Ⅰ）・（Ⅲ）」（別紙9ー3）を、「加算（Ⅴ）」は「特定事業所加算（Ⅴ）に係る届出書」（別紙9－2）を添付してください。</t>
    <rPh sb="6" eb="8">
      <t>ホウモン</t>
    </rPh>
    <rPh sb="8" eb="10">
      <t>カイゴ</t>
    </rPh>
    <rPh sb="15" eb="17">
      <t>トクテイ</t>
    </rPh>
    <rPh sb="17" eb="20">
      <t>ジギョウショ</t>
    </rPh>
    <rPh sb="20" eb="22">
      <t>カサン</t>
    </rPh>
    <phoneticPr fontId="5"/>
  </si>
  <si>
    <t>　　　24 「医療連携強化加算」については、「医療連携強化加算に係る届出書」（別紙26）を添付してください。</t>
    <rPh sb="7" eb="9">
      <t>イリョウ</t>
    </rPh>
    <rPh sb="9" eb="11">
      <t>レンケイ</t>
    </rPh>
    <rPh sb="11" eb="13">
      <t>キョウカ</t>
    </rPh>
    <rPh sb="23" eb="25">
      <t>イリョウ</t>
    </rPh>
    <rPh sb="25" eb="27">
      <t>レンケイ</t>
    </rPh>
    <rPh sb="27" eb="29">
      <t>キョウカ</t>
    </rPh>
    <rPh sb="29" eb="31">
      <t>カサン</t>
    </rPh>
    <phoneticPr fontId="5"/>
  </si>
  <si>
    <t>　　　　　また、「看取り連携体制加算」については、「看取り連携体制加算に係る届出書」（別紙13）を添付してください。</t>
    <phoneticPr fontId="5"/>
  </si>
  <si>
    <t>　　　　  「看取り介護加算」については、「看取り介護体制に係る届出書」（別紙34－2）を添付してください。</t>
    <phoneticPr fontId="5"/>
  </si>
  <si>
    <t>　　　23 「看護体制加算」については、「看護体制加算に係る届出書」（別紙25－2）を、「看取り介護体制」については、「看取り介護体制に係る届出書」（別紙34）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5" eb="47">
      <t>ミト</t>
    </rPh>
    <rPh sb="48" eb="50">
      <t>カイゴ</t>
    </rPh>
    <rPh sb="50" eb="52">
      <t>タイセイ</t>
    </rPh>
    <rPh sb="60" eb="62">
      <t>ミト</t>
    </rPh>
    <rPh sb="63" eb="65">
      <t>カイゴ</t>
    </rPh>
    <rPh sb="65" eb="67">
      <t>タイセイ</t>
    </rPh>
    <rPh sb="68" eb="69">
      <t>カカ</t>
    </rPh>
    <rPh sb="70" eb="72">
      <t>トドケデ</t>
    </rPh>
    <rPh sb="72" eb="73">
      <t>ショ</t>
    </rPh>
    <rPh sb="75" eb="77">
      <t>ベッシ</t>
    </rPh>
    <phoneticPr fontId="5"/>
  </si>
  <si>
    <t>　　　22 「看護体制加算（短期入所生活介護事業所）」については、「看護体制加算に係る届出書」（別紙25）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4" eb="56">
      <t>テンプ</t>
    </rPh>
    <phoneticPr fontId="5"/>
  </si>
  <si>
    <t>　　　21 「夜間看護体制加算」については、「夜間看護体制加算に係る届出書」（別紙33）を添付してください。</t>
    <rPh sb="7" eb="9">
      <t>ヤカン</t>
    </rPh>
    <rPh sb="9" eb="11">
      <t>カンゴ</t>
    </rPh>
    <rPh sb="11" eb="13">
      <t>タイセイ</t>
    </rPh>
    <rPh sb="13" eb="15">
      <t>カサン</t>
    </rPh>
    <rPh sb="23" eb="25">
      <t>ヤカン</t>
    </rPh>
    <rPh sb="25" eb="27">
      <t>カンゴ</t>
    </rPh>
    <rPh sb="27" eb="29">
      <t>タイセイ</t>
    </rPh>
    <rPh sb="29" eb="31">
      <t>カサン</t>
    </rPh>
    <rPh sb="32" eb="33">
      <t>カカ</t>
    </rPh>
    <rPh sb="34" eb="37">
      <t>トドケデショ</t>
    </rPh>
    <rPh sb="39" eb="41">
      <t>ベッシ</t>
    </rPh>
    <rPh sb="45" eb="47">
      <t>テンプ</t>
    </rPh>
    <phoneticPr fontId="5"/>
  </si>
  <si>
    <t>　　　20 「送迎体制」については、実際に利用者の送迎が可能な場合に記載してください。</t>
    <phoneticPr fontId="5"/>
  </si>
  <si>
    <t>　　　19 「栄養ケア・マネジメントの実施の有無」及び「栄養マネジメント強化体制」については、「栄養マネジメント体制に関する届出書」（別紙38）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5"/>
  </si>
  <si>
    <t>　　　18 「認知症加算」については、「認知症加算に係る届出書」（別紙23）及び「利用者の割合に関する計算書」（別紙23ー2）を添付してください。</t>
    <rPh sb="7" eb="10">
      <t>ニンチショウ</t>
    </rPh>
    <rPh sb="20" eb="23">
      <t>ニンチショウ</t>
    </rPh>
    <rPh sb="38" eb="39">
      <t>オヨ</t>
    </rPh>
    <rPh sb="56" eb="58">
      <t>ベッシ</t>
    </rPh>
    <phoneticPr fontId="5"/>
  </si>
  <si>
    <t>　　　17 「中重度者ケア体制加算」については、「中重度者ケア体制加算に係る届出書」（別紙22）及び「利用者の割合に関する計算書」（別紙22ー2）を添付してください。</t>
    <rPh sb="7" eb="11">
      <t>チュウジュウドシャ</t>
    </rPh>
    <rPh sb="13" eb="15">
      <t>タイセイ</t>
    </rPh>
    <rPh sb="15" eb="17">
      <t>カサン</t>
    </rPh>
    <rPh sb="25" eb="29">
      <t>チュウジュウドシャ</t>
    </rPh>
    <rPh sb="31" eb="33">
      <t>タイセイ</t>
    </rPh>
    <rPh sb="33" eb="35">
      <t>カサン</t>
    </rPh>
    <rPh sb="48" eb="49">
      <t>オヨ</t>
    </rPh>
    <rPh sb="66" eb="68">
      <t>ベッシ</t>
    </rPh>
    <phoneticPr fontId="5"/>
  </si>
  <si>
    <t>　　　16 　「入浴介助加算」については、「浴室の平面図等」及び入浴介助加算（Ⅰ）の要件である研修を実施または、実施することが分かる資料等を添付してください。</t>
    <phoneticPr fontId="5"/>
  </si>
  <si>
    <t>　　　15 「生活相談員配置等加算」については、「生活相談員配置等加算に係る届出書」（別紙21）を添付してください。</t>
    <phoneticPr fontId="5"/>
  </si>
  <si>
    <t>　　　14 「時間延長サービス体制」については、実際に利用者に対して延長サービスを行うことが可能な場合に記載してください。</t>
    <phoneticPr fontId="5"/>
  </si>
  <si>
    <t>　　　　　　「医師の配置」…医師、「精神科医師定期的療養指導」…精神科医師、「夜間勤務条件基準」…夜勤を行う看護師（准看護師）と介護職員の配置状況　等</t>
  </si>
  <si>
    <t>　　　　　　（例）－「機能訓練指導体制」…機能訓練指導員、「リハビリテーションの加算状況」…リハビリテーション従事者、</t>
    <phoneticPr fontId="5"/>
  </si>
  <si>
    <t>　　　13「その他該当する体制等」欄で人員配置に係る加算（減算）の届出については、それぞれ加算（減算）の要件となる職員の配置状況や勤務体制がわかる書類を添付してください。</t>
    <phoneticPr fontId="5"/>
  </si>
  <si>
    <t>　　　12 「看護体制強化加算」については、「看護体制強化加算に係る届出書」（別紙19）を添付してください。</t>
    <phoneticPr fontId="5"/>
  </si>
  <si>
    <t>　　　11 「緊急時訪問看護加算」「緊急時対応加算」「特別管理体制」「ターミナルケア体制」については、「緊急時（介護予防）訪問看護加算・緊急時対応加算・特別管理体制・ターミナルケア体制に係る届出書」（別紙16）を添付してください。</t>
    <phoneticPr fontId="5"/>
  </si>
  <si>
    <t>　　　　　また、「認知症チームケア推進加算」については、「認知症チームケア推進加算に係る届出書」（別紙40）を添付してください。</t>
    <phoneticPr fontId="5"/>
  </si>
  <si>
    <t>　　　10 「認知症専門ケア加算」については、「認知症専門ケア加算に係る届出書（訪問介護、（介護予防）訪問入浴介護、定期巡回・随時対応型訪問介護看護、夜間対応型訪問介護）」（別紙12）
　　　　　又は「認知症専門ケア加算に係る届出書（（介護予防）短期入所生活介護、（介護予防）短期入所療養介護、（介護予防）特定施設入居者生活介護、（介護予防）認知症対応型共同生活介護、
　　　　　地域密着型特定施設入居者生活介護、地域密着型介護老人福祉施設入所者生活介護、介護老人福祉施設、介護老人保健施設、介護医療院）」（別紙12－2）」を添付してください。</t>
    <rPh sb="7" eb="10">
      <t>ニンチショウ</t>
    </rPh>
    <rPh sb="10" eb="12">
      <t>センモン</t>
    </rPh>
    <rPh sb="14" eb="16">
      <t>カサン</t>
    </rPh>
    <rPh sb="24" eb="27">
      <t>ニンチショウ</t>
    </rPh>
    <rPh sb="27" eb="29">
      <t>センモン</t>
    </rPh>
    <rPh sb="31" eb="33">
      <t>カサン</t>
    </rPh>
    <phoneticPr fontId="5"/>
  </si>
  <si>
    <t>　　　９ 「割引｣を｢あり｣と記載する場合は「指定居宅サービス事業所等による介護給付費の割引に係る割引率の設定について」（別紙５）を添付してください。</t>
    <rPh sb="33" eb="34">
      <t>ショ</t>
    </rPh>
    <phoneticPr fontId="5"/>
  </si>
  <si>
    <t>　　　８　人員配置に係る届出については、勤務体制がわかる書類（「従業者の勤務の体制及び勤務形態一覧表」（別紙７）又はこれに準じた勤務割表等）を添付してください。</t>
    <phoneticPr fontId="5"/>
  </si>
  <si>
    <t>　　　　（別紙8）を添付して下さい。</t>
    <phoneticPr fontId="5"/>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5"/>
  </si>
  <si>
    <t>　　　６　訪問看護における定期巡回・随時対応型訪問介護看護事業所と連携しサービス提供を行う場合については、「訪問看護事業所における定期巡回・随時対応型訪問介護看護連携に係る届出書」（別紙15）を添付してください。</t>
    <rPh sb="33" eb="35">
      <t>レンケイ</t>
    </rPh>
    <rPh sb="40" eb="42">
      <t>テイキョウ</t>
    </rPh>
    <rPh sb="43" eb="44">
      <t>オコナ</t>
    </rPh>
    <rPh sb="45" eb="47">
      <t>バアイ</t>
    </rPh>
    <rPh sb="91" eb="93">
      <t>ベッシ</t>
    </rPh>
    <rPh sb="97" eb="99">
      <t>テンプ</t>
    </rPh>
    <phoneticPr fontId="5"/>
  </si>
  <si>
    <t>　　　５　介護医療院における「施設等の区分」に係る届出については、「Ⅰ型介護医療院の基本施設サービス費に係る届出」（別紙30）又は「Ⅱ型介護医療院の基本施設サービス費に係る届出」（別紙30-2）を添付してください。</t>
    <rPh sb="63" eb="64">
      <t>マタ</t>
    </rPh>
    <phoneticPr fontId="5"/>
  </si>
  <si>
    <t>　　　４　病院又は診療所における短期入所療養介護（療養機能強化型以外）における「施設等の区分」に係る届出については、「病院又は診療所における短期入所療養介護（療養機能強化型以外）の基本施設サービス費に係る届出書」（別紙29－4）を添付してください。</t>
    <rPh sb="104" eb="105">
      <t>ショ</t>
    </rPh>
    <phoneticPr fontId="5"/>
  </si>
  <si>
    <t>　　　　（令和６年９月サービス提供分までは別紙29、令和６年10月サービス提供分以降は別紙29－２）又は「介護老人保健施設（療養型）の基本施設サービス費及び療養体制維持特別加算（Ⅱ）に係る届出書」（別紙29-3）を添付してください。</t>
    <rPh sb="5" eb="7">
      <t>レイワ</t>
    </rPh>
    <rPh sb="8" eb="9">
      <t>ネン</t>
    </rPh>
    <rPh sb="10" eb="11">
      <t>ガツ</t>
    </rPh>
    <rPh sb="15" eb="18">
      <t>テイキョウブン</t>
    </rPh>
    <rPh sb="26" eb="28">
      <t>レイワ</t>
    </rPh>
    <rPh sb="29" eb="30">
      <t>ネン</t>
    </rPh>
    <rPh sb="32" eb="33">
      <t>ガツ</t>
    </rPh>
    <rPh sb="37" eb="40">
      <t>テイキョウブン</t>
    </rPh>
    <rPh sb="40" eb="42">
      <t>イコウ</t>
    </rPh>
    <rPh sb="43" eb="45">
      <t>ベッシ</t>
    </rPh>
    <rPh sb="76" eb="77">
      <t>オヨ</t>
    </rPh>
    <rPh sb="78" eb="80">
      <t>リョウヨウ</t>
    </rPh>
    <rPh sb="80" eb="82">
      <t>タイセイ</t>
    </rPh>
    <rPh sb="82" eb="84">
      <t>イジ</t>
    </rPh>
    <rPh sb="84" eb="86">
      <t>トクベツ</t>
    </rPh>
    <rPh sb="86" eb="88">
      <t>カサン</t>
    </rPh>
    <rPh sb="96" eb="97">
      <t>ショ</t>
    </rPh>
    <phoneticPr fontId="5"/>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書」</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rPh sb="107" eb="108">
      <t>ショ</t>
    </rPh>
    <phoneticPr fontId="5"/>
  </si>
  <si>
    <t>　　　２ 「施設等の区分」及び「その他該当する体制等」欄で施設・設備等に係る加算（減算）の届出については、「平面図」（別紙６）を添付してください。</t>
  </si>
  <si>
    <t>備考　１　事業所・施設において、施設等の区分欄、人員配置区分欄、LIFE（科学的介護情報システム（Long-term care Information system For Evidence）への登録欄、その他該当する体制等欄に掲げる項目につき該当する番号の横の□を■にしてください。</t>
    <rPh sb="98" eb="100">
      <t>トウロク</t>
    </rPh>
    <rPh sb="100" eb="101">
      <t>ラン</t>
    </rPh>
    <rPh sb="129" eb="130">
      <t>ヨコ</t>
    </rPh>
    <phoneticPr fontId="5"/>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16"/>
      <name val="HGSｺﾞｼｯｸM"/>
      <family val="3"/>
      <charset val="128"/>
    </font>
    <font>
      <sz val="6"/>
      <name val="ＭＳ Ｐゴシック"/>
      <family val="3"/>
      <charset val="128"/>
    </font>
    <font>
      <strike/>
      <sz val="11"/>
      <name val="ＭＳ Ｐゴシック"/>
      <family val="3"/>
      <charset val="128"/>
    </font>
    <font>
      <b/>
      <sz val="12"/>
      <name val="HGSｺﾞｼｯｸM"/>
      <family val="3"/>
      <charset val="128"/>
    </font>
  </fonts>
  <fills count="3">
    <fill>
      <patternFill patternType="none"/>
    </fill>
    <fill>
      <patternFill patternType="gray125"/>
    </fill>
    <fill>
      <patternFill patternType="solid">
        <fgColor theme="0"/>
        <bgColor indexed="64"/>
      </patternFill>
    </fill>
  </fills>
  <borders count="41">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 diagonalUp="1">
      <left style="thin">
        <color indexed="64"/>
      </left>
      <right/>
      <top/>
      <bottom/>
      <diagonal style="thin">
        <color indexed="64"/>
      </diagonal>
    </border>
    <border diagonalUp="1">
      <left/>
      <right/>
      <top/>
      <bottom/>
      <diagonal style="thin">
        <color indexed="64"/>
      </diagonal>
    </border>
    <border diagonalUp="1">
      <left/>
      <right style="thin">
        <color indexed="64"/>
      </right>
      <top/>
      <bottom/>
      <diagonal style="thin">
        <color indexed="64"/>
      </diagonal>
    </border>
    <border>
      <left style="thin">
        <color indexed="64"/>
      </left>
      <right style="thin">
        <color indexed="64"/>
      </right>
      <top/>
      <bottom style="dashed">
        <color indexed="64"/>
      </bottom>
      <diagonal/>
    </border>
    <border>
      <left/>
      <right/>
      <top/>
      <bottom style="dashed">
        <color indexed="64"/>
      </bottom>
      <diagonal/>
    </border>
    <border>
      <left/>
      <right style="thin">
        <color indexed="64"/>
      </right>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diagonalUp="1">
      <left style="thin">
        <color indexed="64"/>
      </left>
      <right style="thin">
        <color indexed="64"/>
      </right>
      <top style="thin">
        <color indexed="64"/>
      </top>
      <bottom style="dashed">
        <color indexed="64"/>
      </bottom>
      <diagonal style="thin">
        <color indexed="64"/>
      </diagonal>
    </border>
    <border diagonalUp="1">
      <left style="thin">
        <color indexed="64"/>
      </left>
      <right style="thin">
        <color indexed="64"/>
      </right>
      <top/>
      <bottom style="dashed">
        <color indexed="64"/>
      </bottom>
      <diagonal style="thin">
        <color indexed="64"/>
      </diagonal>
    </border>
    <border diagonalUp="1">
      <left style="thin">
        <color indexed="64"/>
      </left>
      <right style="thin">
        <color indexed="64"/>
      </right>
      <top style="dashed">
        <color indexed="64"/>
      </top>
      <bottom style="dashed">
        <color indexed="64"/>
      </bottom>
      <diagonal style="thin">
        <color indexed="64"/>
      </diagonal>
    </border>
    <border diagonalUp="1">
      <left style="thin">
        <color indexed="64"/>
      </left>
      <right style="thin">
        <color indexed="64"/>
      </right>
      <top style="dashed">
        <color indexed="64"/>
      </top>
      <bottom style="thin">
        <color indexed="64"/>
      </bottom>
      <diagonal style="thin">
        <color indexed="64"/>
      </diagonal>
    </border>
  </borders>
  <cellStyleXfs count="2">
    <xf numFmtId="0" fontId="0" fillId="0" borderId="0">
      <alignment vertical="center"/>
    </xf>
    <xf numFmtId="0" fontId="1" fillId="0" borderId="0"/>
  </cellStyleXfs>
  <cellXfs count="132">
    <xf numFmtId="0" fontId="0" fillId="0" borderId="0" xfId="0">
      <alignment vertical="center"/>
    </xf>
    <xf numFmtId="0" fontId="2" fillId="2" borderId="0" xfId="1" applyFont="1" applyFill="1" applyAlignment="1">
      <alignment horizontal="center" vertical="center"/>
    </xf>
    <xf numFmtId="0" fontId="2" fillId="2" borderId="0" xfId="1" applyFont="1" applyFill="1" applyAlignment="1">
      <alignment horizontal="left" vertical="center"/>
    </xf>
    <xf numFmtId="0" fontId="2" fillId="0" borderId="0" xfId="1" applyFont="1" applyAlignment="1">
      <alignment horizontal="left" vertical="center"/>
    </xf>
    <xf numFmtId="0" fontId="4" fillId="2" borderId="0" xfId="1" applyFont="1" applyFill="1" applyAlignment="1">
      <alignment vertical="center"/>
    </xf>
    <xf numFmtId="0" fontId="4" fillId="2" borderId="0" xfId="1" applyFont="1" applyFill="1" applyAlignment="1">
      <alignment horizontal="center"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2" fillId="2" borderId="3" xfId="1" applyFont="1" applyFill="1" applyBorder="1" applyAlignment="1">
      <alignment horizontal="center" vertical="center"/>
    </xf>
    <xf numFmtId="0" fontId="1" fillId="2" borderId="0" xfId="1" applyFill="1" applyAlignment="1">
      <alignment horizontal="center" vertical="center"/>
    </xf>
    <xf numFmtId="0" fontId="2" fillId="2" borderId="7" xfId="1" applyFont="1" applyFill="1" applyBorder="1" applyAlignment="1">
      <alignment vertical="center"/>
    </xf>
    <xf numFmtId="0" fontId="2" fillId="2" borderId="7" xfId="1" applyFont="1" applyFill="1" applyBorder="1" applyAlignment="1">
      <alignment vertical="center" wrapText="1"/>
    </xf>
    <xf numFmtId="0" fontId="2" fillId="2" borderId="8" xfId="1" applyFont="1" applyFill="1" applyBorder="1" applyAlignment="1">
      <alignment vertical="center" wrapText="1"/>
    </xf>
    <xf numFmtId="0" fontId="1" fillId="2" borderId="13" xfId="1" applyFill="1" applyBorder="1" applyAlignment="1">
      <alignment horizontal="center" vertical="center"/>
    </xf>
    <xf numFmtId="0" fontId="2" fillId="2" borderId="0" xfId="1" applyFont="1" applyFill="1" applyAlignment="1">
      <alignment vertical="center"/>
    </xf>
    <xf numFmtId="0" fontId="2" fillId="2" borderId="0" xfId="1" applyFont="1" applyFill="1" applyAlignment="1">
      <alignment vertical="center" wrapText="1"/>
    </xf>
    <xf numFmtId="0" fontId="2" fillId="2" borderId="14" xfId="1" applyFont="1" applyFill="1" applyBorder="1" applyAlignment="1">
      <alignment vertical="center" wrapText="1"/>
    </xf>
    <xf numFmtId="0" fontId="2" fillId="2" borderId="6" xfId="1" applyFont="1" applyFill="1" applyBorder="1" applyAlignment="1">
      <alignment vertical="center"/>
    </xf>
    <xf numFmtId="0" fontId="2" fillId="2" borderId="8" xfId="1" applyFont="1" applyFill="1" applyBorder="1" applyAlignment="1">
      <alignment horizontal="center" vertical="center"/>
    </xf>
    <xf numFmtId="0" fontId="2" fillId="2" borderId="9" xfId="1" applyFont="1" applyFill="1" applyBorder="1" applyAlignment="1">
      <alignment vertical="center"/>
    </xf>
    <xf numFmtId="0" fontId="2" fillId="2" borderId="6" xfId="1" applyFont="1" applyFill="1" applyBorder="1" applyAlignment="1">
      <alignment horizontal="left" vertical="center"/>
    </xf>
    <xf numFmtId="0" fontId="2" fillId="2" borderId="8" xfId="1" applyFont="1" applyFill="1" applyBorder="1" applyAlignment="1">
      <alignment vertical="center"/>
    </xf>
    <xf numFmtId="0" fontId="1" fillId="2" borderId="7" xfId="1" applyFill="1" applyBorder="1" applyAlignment="1">
      <alignment vertical="center"/>
    </xf>
    <xf numFmtId="0" fontId="1" fillId="2" borderId="8" xfId="1" applyFill="1" applyBorder="1" applyAlignment="1">
      <alignment vertical="center"/>
    </xf>
    <xf numFmtId="0" fontId="2" fillId="2" borderId="8" xfId="1" applyFont="1" applyFill="1" applyBorder="1" applyAlignment="1">
      <alignment vertical="top"/>
    </xf>
    <xf numFmtId="0" fontId="2" fillId="2" borderId="13" xfId="1" applyFont="1" applyFill="1" applyBorder="1" applyAlignment="1">
      <alignment vertical="center"/>
    </xf>
    <xf numFmtId="0" fontId="2" fillId="2" borderId="14" xfId="1" applyFont="1" applyFill="1" applyBorder="1" applyAlignment="1">
      <alignment horizontal="center" vertical="center"/>
    </xf>
    <xf numFmtId="0" fontId="2" fillId="2" borderId="15" xfId="1" applyFont="1" applyFill="1" applyBorder="1" applyAlignment="1">
      <alignment vertical="center"/>
    </xf>
    <xf numFmtId="0" fontId="2" fillId="2" borderId="13" xfId="1" applyFont="1" applyFill="1" applyBorder="1" applyAlignment="1">
      <alignment horizontal="left" vertical="center"/>
    </xf>
    <xf numFmtId="0" fontId="2" fillId="2" borderId="14" xfId="1" applyFont="1" applyFill="1" applyBorder="1" applyAlignment="1">
      <alignment vertical="center"/>
    </xf>
    <xf numFmtId="0" fontId="1" fillId="2" borderId="0" xfId="1" applyFill="1" applyAlignment="1">
      <alignment horizontal="left" vertical="center"/>
    </xf>
    <xf numFmtId="0" fontId="2" fillId="2" borderId="0" xfId="1" applyFont="1" applyFill="1" applyAlignment="1">
      <alignment vertical="top"/>
    </xf>
    <xf numFmtId="0" fontId="2" fillId="2" borderId="14" xfId="1" applyFont="1" applyFill="1" applyBorder="1" applyAlignment="1">
      <alignment vertical="top"/>
    </xf>
    <xf numFmtId="0" fontId="2" fillId="2" borderId="13" xfId="1" applyFont="1" applyFill="1" applyBorder="1" applyAlignment="1">
      <alignment vertical="top"/>
    </xf>
    <xf numFmtId="0" fontId="1" fillId="2" borderId="22" xfId="1" applyFill="1" applyBorder="1" applyAlignment="1">
      <alignment horizontal="center" vertical="center"/>
    </xf>
    <xf numFmtId="0" fontId="2" fillId="2" borderId="23" xfId="1" applyFont="1" applyFill="1" applyBorder="1" applyAlignment="1">
      <alignment vertical="center"/>
    </xf>
    <xf numFmtId="0" fontId="1" fillId="2" borderId="23" xfId="1" applyFill="1" applyBorder="1" applyAlignment="1">
      <alignment vertical="center"/>
    </xf>
    <xf numFmtId="0" fontId="1" fillId="2" borderId="23" xfId="1" applyFill="1" applyBorder="1" applyAlignment="1">
      <alignment horizontal="center" vertical="center"/>
    </xf>
    <xf numFmtId="0" fontId="2" fillId="2" borderId="25" xfId="1" applyFont="1" applyFill="1" applyBorder="1" applyAlignment="1">
      <alignment horizontal="left" vertical="center" wrapText="1"/>
    </xf>
    <xf numFmtId="0" fontId="1" fillId="2" borderId="24" xfId="1" applyFill="1" applyBorder="1" applyAlignment="1">
      <alignment vertical="center"/>
    </xf>
    <xf numFmtId="0" fontId="2" fillId="2" borderId="14" xfId="1" applyFont="1" applyFill="1" applyBorder="1" applyAlignment="1">
      <alignment horizontal="left" vertical="center"/>
    </xf>
    <xf numFmtId="0" fontId="1" fillId="2" borderId="20" xfId="1" applyFill="1" applyBorder="1" applyAlignment="1">
      <alignment vertical="center"/>
    </xf>
    <xf numFmtId="0" fontId="1" fillId="2" borderId="21" xfId="1" applyFill="1" applyBorder="1" applyAlignment="1">
      <alignment vertical="center"/>
    </xf>
    <xf numFmtId="0" fontId="1" fillId="2" borderId="27" xfId="1" applyFill="1" applyBorder="1" applyAlignment="1">
      <alignment horizontal="left" vertical="center"/>
    </xf>
    <xf numFmtId="0" fontId="1" fillId="2" borderId="28" xfId="1" applyFill="1" applyBorder="1" applyAlignment="1">
      <alignment horizontal="left" vertical="center"/>
    </xf>
    <xf numFmtId="0" fontId="2" fillId="2" borderId="29" xfId="1" applyFont="1" applyFill="1" applyBorder="1" applyAlignment="1">
      <alignment vertical="center"/>
    </xf>
    <xf numFmtId="0" fontId="2" fillId="2" borderId="30" xfId="1" applyFont="1" applyFill="1" applyBorder="1" applyAlignment="1">
      <alignment horizontal="center" vertical="center"/>
    </xf>
    <xf numFmtId="0" fontId="2" fillId="2" borderId="31" xfId="1" applyFont="1" applyFill="1" applyBorder="1" applyAlignment="1">
      <alignment vertical="center"/>
    </xf>
    <xf numFmtId="0" fontId="2" fillId="2" borderId="29" xfId="1" applyFont="1" applyFill="1" applyBorder="1" applyAlignment="1">
      <alignment horizontal="left" vertical="center"/>
    </xf>
    <xf numFmtId="0" fontId="2" fillId="2" borderId="30" xfId="1" applyFont="1" applyFill="1" applyBorder="1" applyAlignment="1">
      <alignment vertical="center" wrapText="1"/>
    </xf>
    <xf numFmtId="0" fontId="2" fillId="2" borderId="32" xfId="1" applyFont="1" applyFill="1" applyBorder="1" applyAlignment="1">
      <alignment vertical="top"/>
    </xf>
    <xf numFmtId="0" fontId="2" fillId="2" borderId="30" xfId="1" applyFont="1" applyFill="1" applyBorder="1" applyAlignment="1">
      <alignment vertical="top"/>
    </xf>
    <xf numFmtId="0" fontId="2" fillId="2" borderId="29" xfId="1" applyFont="1" applyFill="1" applyBorder="1" applyAlignment="1">
      <alignment vertical="top"/>
    </xf>
    <xf numFmtId="0" fontId="1" fillId="2" borderId="6" xfId="1" applyFill="1" applyBorder="1" applyAlignment="1">
      <alignment horizontal="center" vertical="center"/>
    </xf>
    <xf numFmtId="0" fontId="2" fillId="2" borderId="23" xfId="1" applyFont="1" applyFill="1" applyBorder="1" applyAlignment="1">
      <alignment horizontal="left" vertical="center"/>
    </xf>
    <xf numFmtId="0" fontId="1" fillId="2" borderId="34" xfId="1" applyFill="1" applyBorder="1" applyAlignment="1">
      <alignment horizontal="center" vertical="center"/>
    </xf>
    <xf numFmtId="0" fontId="2" fillId="2" borderId="35" xfId="1" applyFont="1" applyFill="1" applyBorder="1" applyAlignment="1">
      <alignment vertical="center"/>
    </xf>
    <xf numFmtId="0" fontId="1" fillId="2" borderId="35" xfId="1" applyFill="1" applyBorder="1" applyAlignment="1">
      <alignment horizontal="center" vertical="center"/>
    </xf>
    <xf numFmtId="0" fontId="1" fillId="2" borderId="35" xfId="1" applyFill="1" applyBorder="1" applyAlignment="1">
      <alignment vertical="center"/>
    </xf>
    <xf numFmtId="0" fontId="2" fillId="2" borderId="25" xfId="1" applyFont="1" applyFill="1" applyBorder="1" applyAlignment="1">
      <alignment horizontal="left" vertical="center"/>
    </xf>
    <xf numFmtId="0" fontId="6" fillId="2" borderId="0" xfId="1" applyFont="1" applyFill="1" applyAlignment="1">
      <alignment horizontal="center" vertical="center"/>
    </xf>
    <xf numFmtId="0" fontId="1" fillId="2" borderId="30" xfId="1" applyFill="1" applyBorder="1" applyAlignment="1">
      <alignment vertical="center"/>
    </xf>
    <xf numFmtId="0" fontId="2" fillId="2" borderId="6" xfId="1" applyFont="1" applyFill="1" applyBorder="1" applyAlignment="1">
      <alignment horizontal="center" vertical="center" wrapText="1"/>
    </xf>
    <xf numFmtId="0" fontId="2" fillId="2" borderId="13" xfId="1" applyFont="1" applyFill="1" applyBorder="1" applyAlignment="1">
      <alignment horizontal="center" vertical="center" wrapText="1"/>
    </xf>
    <xf numFmtId="0" fontId="1" fillId="2" borderId="0" xfId="1" applyFill="1" applyAlignment="1">
      <alignment vertical="center"/>
    </xf>
    <xf numFmtId="0" fontId="1" fillId="2" borderId="14" xfId="1" applyFill="1" applyBorder="1" applyAlignment="1">
      <alignment vertical="center"/>
    </xf>
    <xf numFmtId="0" fontId="2" fillId="2" borderId="29" xfId="1" applyFont="1" applyFill="1" applyBorder="1" applyAlignment="1">
      <alignment horizontal="center" vertical="center" wrapText="1"/>
    </xf>
    <xf numFmtId="0" fontId="2" fillId="2" borderId="33" xfId="1" applyFont="1" applyFill="1" applyBorder="1" applyAlignment="1">
      <alignment horizontal="left" vertical="center"/>
    </xf>
    <xf numFmtId="0" fontId="1" fillId="2" borderId="36" xfId="1" applyFill="1" applyBorder="1" applyAlignment="1">
      <alignment vertical="center"/>
    </xf>
    <xf numFmtId="0" fontId="2" fillId="2" borderId="0" xfId="1" applyFont="1" applyFill="1" applyAlignment="1">
      <alignment horizontal="center"/>
    </xf>
    <xf numFmtId="0" fontId="2" fillId="2" borderId="0" xfId="1" applyFont="1" applyFill="1"/>
    <xf numFmtId="0" fontId="2" fillId="0" borderId="0" xfId="1" applyFont="1" applyAlignment="1">
      <alignment horizontal="center" vertical="center"/>
    </xf>
    <xf numFmtId="0" fontId="2" fillId="0" borderId="30" xfId="1" applyFont="1" applyBorder="1" applyAlignment="1">
      <alignment horizontal="left" vertical="center"/>
    </xf>
    <xf numFmtId="0" fontId="2" fillId="0" borderId="32" xfId="1" applyFont="1" applyBorder="1" applyAlignment="1">
      <alignment horizontal="left" vertical="center"/>
    </xf>
    <xf numFmtId="0" fontId="2" fillId="0" borderId="29" xfId="1" applyFont="1" applyBorder="1" applyAlignment="1">
      <alignment horizontal="left" vertical="center"/>
    </xf>
    <xf numFmtId="0" fontId="2" fillId="0" borderId="31" xfId="1" applyFont="1" applyBorder="1" applyAlignment="1">
      <alignment horizontal="left" vertical="center"/>
    </xf>
    <xf numFmtId="0" fontId="2" fillId="0" borderId="29" xfId="1" applyFont="1" applyBorder="1" applyAlignment="1">
      <alignment horizontal="center" vertical="center"/>
    </xf>
    <xf numFmtId="0" fontId="2" fillId="0" borderId="14" xfId="1" applyFont="1" applyBorder="1" applyAlignment="1">
      <alignment horizontal="left" vertical="center"/>
    </xf>
    <xf numFmtId="0" fontId="2" fillId="0" borderId="13" xfId="1" applyFont="1" applyBorder="1" applyAlignment="1">
      <alignment horizontal="left" vertical="center"/>
    </xf>
    <xf numFmtId="0" fontId="2" fillId="0" borderId="15" xfId="1" applyFont="1" applyBorder="1" applyAlignment="1">
      <alignment horizontal="left" vertical="center"/>
    </xf>
    <xf numFmtId="0" fontId="2" fillId="0" borderId="32" xfId="1" applyFont="1" applyBorder="1" applyAlignment="1">
      <alignment horizontal="center" vertical="center"/>
    </xf>
    <xf numFmtId="0" fontId="2" fillId="0" borderId="7" xfId="1" applyFont="1" applyBorder="1" applyAlignment="1">
      <alignment horizontal="left" vertical="center"/>
    </xf>
    <xf numFmtId="0" fontId="2" fillId="0" borderId="20" xfId="1" applyFont="1" applyBorder="1" applyAlignment="1">
      <alignment horizontal="left" vertical="center"/>
    </xf>
    <xf numFmtId="0" fontId="7" fillId="2" borderId="0" xfId="1" applyFont="1" applyFill="1" applyAlignment="1">
      <alignment horizontal="left" vertical="center"/>
    </xf>
    <xf numFmtId="0" fontId="1" fillId="0" borderId="0" xfId="1" applyAlignment="1">
      <alignment horizontal="left" vertical="center"/>
    </xf>
    <xf numFmtId="0" fontId="2" fillId="0" borderId="0" xfId="1" applyFont="1" applyAlignment="1">
      <alignment vertical="top"/>
    </xf>
    <xf numFmtId="0" fontId="2" fillId="0" borderId="0" xfId="1" applyFont="1" applyAlignment="1">
      <alignment horizontal="left" vertical="top"/>
    </xf>
    <xf numFmtId="0" fontId="6" fillId="2" borderId="0" xfId="1" applyFont="1" applyFill="1" applyAlignment="1">
      <alignment horizontal="left" vertical="center"/>
    </xf>
    <xf numFmtId="0" fontId="1" fillId="2" borderId="0" xfId="1" applyFill="1"/>
    <xf numFmtId="0" fontId="6" fillId="0" borderId="0" xfId="1" applyFont="1" applyAlignment="1">
      <alignment horizontal="left" vertical="center"/>
    </xf>
    <xf numFmtId="0" fontId="2" fillId="2" borderId="0" xfId="1" applyFont="1" applyFill="1" applyAlignment="1">
      <alignment vertical="top" wrapText="1"/>
    </xf>
    <xf numFmtId="0" fontId="2" fillId="2" borderId="26" xfId="1" applyFont="1" applyFill="1" applyBorder="1" applyAlignment="1">
      <alignment horizontal="left" vertical="center" wrapText="1"/>
    </xf>
    <xf numFmtId="0" fontId="2" fillId="2" borderId="19" xfId="1" applyFont="1" applyFill="1" applyBorder="1" applyAlignment="1">
      <alignment horizontal="left" vertical="center" wrapText="1"/>
    </xf>
    <xf numFmtId="0" fontId="2" fillId="2" borderId="20" xfId="1" applyFont="1" applyFill="1" applyBorder="1" applyAlignment="1">
      <alignment horizontal="center" vertical="center" wrapText="1"/>
    </xf>
    <xf numFmtId="0" fontId="2" fillId="2" borderId="0" xfId="1" applyFont="1" applyFill="1" applyAlignment="1">
      <alignment horizontal="left" vertical="center"/>
    </xf>
    <xf numFmtId="0" fontId="2" fillId="2" borderId="20" xfId="1" applyFont="1" applyFill="1" applyBorder="1" applyAlignment="1">
      <alignment horizontal="left" vertical="center"/>
    </xf>
    <xf numFmtId="0" fontId="2" fillId="2" borderId="27" xfId="1" applyFont="1" applyFill="1" applyBorder="1" applyAlignment="1">
      <alignment horizontal="center" vertical="center" wrapText="1"/>
    </xf>
    <xf numFmtId="0" fontId="2" fillId="2" borderId="27" xfId="1" applyFont="1" applyFill="1" applyBorder="1" applyAlignment="1">
      <alignment horizontal="left" vertical="center"/>
    </xf>
    <xf numFmtId="0" fontId="2" fillId="2" borderId="15" xfId="1" applyFont="1" applyFill="1" applyBorder="1" applyAlignment="1">
      <alignment horizontal="left" vertical="center" wrapText="1"/>
    </xf>
    <xf numFmtId="0" fontId="1" fillId="2" borderId="13" xfId="1" applyFill="1" applyBorder="1" applyAlignment="1">
      <alignment horizontal="center" vertical="center"/>
    </xf>
    <xf numFmtId="0" fontId="1" fillId="2" borderId="0" xfId="1" applyFill="1" applyAlignment="1">
      <alignment horizontal="center" vertical="center"/>
    </xf>
    <xf numFmtId="0" fontId="2" fillId="2" borderId="6"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0" fontId="2" fillId="2" borderId="9" xfId="1" applyFont="1" applyFill="1" applyBorder="1" applyAlignment="1">
      <alignment horizontal="left" vertical="center"/>
    </xf>
    <xf numFmtId="0" fontId="4" fillId="2" borderId="0" xfId="1" applyFont="1" applyFill="1" applyAlignment="1">
      <alignment horizontal="center" vertical="center"/>
    </xf>
    <xf numFmtId="0" fontId="2" fillId="2" borderId="1" xfId="1" applyFont="1" applyFill="1" applyBorder="1" applyAlignment="1">
      <alignment horizontal="center" vertical="center"/>
    </xf>
    <xf numFmtId="0" fontId="2" fillId="2" borderId="2" xfId="1" applyFont="1" applyFill="1" applyBorder="1" applyAlignment="1">
      <alignment horizontal="center" vertical="center"/>
    </xf>
    <xf numFmtId="0" fontId="2" fillId="2" borderId="3" xfId="1" applyFont="1" applyFill="1" applyBorder="1" applyAlignment="1">
      <alignment horizontal="center" vertical="center"/>
    </xf>
    <xf numFmtId="0" fontId="2" fillId="2" borderId="10" xfId="1" applyFont="1" applyFill="1" applyBorder="1" applyAlignment="1">
      <alignment horizontal="center" vertical="center"/>
    </xf>
    <xf numFmtId="0" fontId="2" fillId="2" borderId="11" xfId="1" applyFont="1" applyFill="1" applyBorder="1" applyAlignment="1">
      <alignment horizontal="center" vertical="center"/>
    </xf>
    <xf numFmtId="0" fontId="2" fillId="2" borderId="12" xfId="1" applyFont="1" applyFill="1" applyBorder="1" applyAlignment="1">
      <alignment horizontal="center" vertical="center"/>
    </xf>
    <xf numFmtId="0" fontId="2" fillId="2" borderId="16" xfId="1" applyFont="1" applyFill="1" applyBorder="1" applyAlignment="1">
      <alignment horizontal="center" vertical="center"/>
    </xf>
    <xf numFmtId="0" fontId="2" fillId="2" borderId="17" xfId="1" applyFont="1" applyFill="1" applyBorder="1" applyAlignment="1">
      <alignment horizontal="center" vertical="center"/>
    </xf>
    <xf numFmtId="0" fontId="2" fillId="2" borderId="18" xfId="1" applyFont="1" applyFill="1" applyBorder="1" applyAlignment="1">
      <alignment horizontal="center" vertical="center"/>
    </xf>
    <xf numFmtId="0" fontId="2" fillId="2" borderId="37" xfId="1" applyFont="1" applyFill="1" applyBorder="1" applyAlignment="1">
      <alignment horizontal="center" vertical="center"/>
    </xf>
    <xf numFmtId="0" fontId="2" fillId="2" borderId="39" xfId="1" applyFont="1" applyFill="1" applyBorder="1" applyAlignment="1">
      <alignment horizontal="center" vertical="center"/>
    </xf>
    <xf numFmtId="0" fontId="2" fillId="2" borderId="40" xfId="1" applyFont="1" applyFill="1" applyBorder="1" applyAlignment="1">
      <alignment horizontal="center" vertical="center"/>
    </xf>
    <xf numFmtId="0" fontId="2" fillId="2" borderId="15" xfId="1" applyFont="1" applyFill="1" applyBorder="1" applyAlignment="1">
      <alignment horizontal="left" vertical="center"/>
    </xf>
    <xf numFmtId="0" fontId="2" fillId="2" borderId="23" xfId="1" applyFont="1" applyFill="1" applyBorder="1" applyAlignment="1">
      <alignment horizontal="left" vertical="center"/>
    </xf>
    <xf numFmtId="0" fontId="2" fillId="2" borderId="38" xfId="1" applyFont="1" applyFill="1" applyBorder="1" applyAlignment="1">
      <alignment horizontal="center" vertical="center"/>
    </xf>
    <xf numFmtId="0" fontId="2" fillId="2" borderId="22" xfId="1" applyFont="1" applyFill="1" applyBorder="1" applyAlignment="1">
      <alignment horizontal="center" vertical="center" wrapText="1"/>
    </xf>
    <xf numFmtId="0" fontId="2" fillId="2" borderId="23" xfId="1" applyFont="1" applyFill="1" applyBorder="1" applyAlignment="1">
      <alignment horizontal="center" vertical="center" wrapText="1"/>
    </xf>
    <xf numFmtId="0" fontId="2" fillId="2" borderId="9" xfId="1" applyFont="1" applyFill="1" applyBorder="1" applyAlignment="1">
      <alignment horizontal="left" vertical="center" wrapText="1"/>
    </xf>
    <xf numFmtId="0" fontId="1" fillId="2" borderId="6" xfId="1" applyFill="1" applyBorder="1" applyAlignment="1">
      <alignment horizontal="center" vertical="center"/>
    </xf>
    <xf numFmtId="0" fontId="2" fillId="2" borderId="7" xfId="1" applyFont="1" applyFill="1" applyBorder="1" applyAlignment="1">
      <alignment horizontal="left" vertical="center"/>
    </xf>
    <xf numFmtId="0" fontId="1" fillId="2" borderId="7" xfId="1" applyFill="1" applyBorder="1" applyAlignment="1">
      <alignment horizontal="center" vertical="center"/>
    </xf>
    <xf numFmtId="0" fontId="2" fillId="2" borderId="13" xfId="1" applyFont="1" applyFill="1" applyBorder="1" applyAlignment="1">
      <alignment horizontal="center" vertical="center"/>
    </xf>
    <xf numFmtId="0" fontId="2" fillId="2" borderId="0" xfId="1" applyFont="1" applyFill="1" applyAlignment="1">
      <alignment horizontal="center" vertical="center"/>
    </xf>
    <xf numFmtId="0" fontId="2" fillId="2" borderId="14" xfId="1" applyFont="1" applyFill="1" applyBorder="1" applyAlignment="1">
      <alignment horizontal="center" vertical="center"/>
    </xf>
    <xf numFmtId="0" fontId="2" fillId="2" borderId="0" xfId="1" applyFont="1" applyFill="1" applyAlignment="1">
      <alignment horizontal="left" vertical="center" wrapText="1"/>
    </xf>
    <xf numFmtId="0" fontId="2" fillId="2" borderId="0" xfId="1" applyFont="1" applyFill="1" applyAlignment="1">
      <alignment vertical="center" wrapText="1"/>
    </xf>
  </cellXfs>
  <cellStyles count="2">
    <cellStyle name="標準" xfId="0" builtinId="0"/>
    <cellStyle name="標準 2" xfId="1" xr:uid="{03C5DFE2-7714-4B11-A5F4-9D5DAC24960F}"/>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3.xml"/><Relationship Id="rId5" Type="http://schemas.openxmlformats.org/officeDocument/2006/relationships/externalLink" Target="externalLinks/externalLink2.xml"/><Relationship Id="rId4" Type="http://schemas.openxmlformats.org/officeDocument/2006/relationships/externalLink" Target="externalLinks/externalLink1.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a:extLst>
            <a:ext uri="{FF2B5EF4-FFF2-40B4-BE49-F238E27FC236}">
              <a16:creationId xmlns:a16="http://schemas.microsoft.com/office/drawing/2014/main" id="{4189F4E7-8BCF-4437-9C89-BDFFB8B929F9}"/>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a:extLst>
            <a:ext uri="{FF2B5EF4-FFF2-40B4-BE49-F238E27FC236}">
              <a16:creationId xmlns:a16="http://schemas.microsoft.com/office/drawing/2014/main" id="{1D210BA3-A989-47E6-ACBC-4F0F6CE6D559}"/>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a:extLst>
            <a:ext uri="{FF2B5EF4-FFF2-40B4-BE49-F238E27FC236}">
              <a16:creationId xmlns:a16="http://schemas.microsoft.com/office/drawing/2014/main" id="{8DA537A8-5E2B-461F-8DFE-68B03693CC3F}"/>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a:extLst>
            <a:ext uri="{FF2B5EF4-FFF2-40B4-BE49-F238E27FC236}">
              <a16:creationId xmlns:a16="http://schemas.microsoft.com/office/drawing/2014/main" id="{8572E0F2-4716-4454-ACFE-BD8AAA45B891}"/>
            </a:ext>
          </a:extLst>
        </xdr:cNvPr>
        <xdr:cNvSpPr txBox="1"/>
      </xdr:nvSpPr>
      <xdr:spPr bwMode="auto">
        <a:xfrm>
          <a:off x="6352989" y="171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a:extLst>
            <a:ext uri="{FF2B5EF4-FFF2-40B4-BE49-F238E27FC236}">
              <a16:creationId xmlns:a16="http://schemas.microsoft.com/office/drawing/2014/main" id="{C6F25418-2870-4DC6-B88A-2EC071F2E527}"/>
            </a:ext>
          </a:extLst>
        </xdr:cNvPr>
        <xdr:cNvSpPr txBox="1"/>
      </xdr:nvSpPr>
      <xdr:spPr bwMode="auto">
        <a:xfrm>
          <a:off x="3427475" y="171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a:extLst>
            <a:ext uri="{FF2B5EF4-FFF2-40B4-BE49-F238E27FC236}">
              <a16:creationId xmlns:a16="http://schemas.microsoft.com/office/drawing/2014/main" id="{81CC506C-A4E9-4D3F-BBAF-E08ED7DFFBA7}"/>
            </a:ext>
          </a:extLst>
        </xdr:cNvPr>
        <xdr:cNvSpPr txBox="1"/>
      </xdr:nvSpPr>
      <xdr:spPr bwMode="auto">
        <a:xfrm>
          <a:off x="1370930" y="171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a:extLst>
            <a:ext uri="{FF2B5EF4-FFF2-40B4-BE49-F238E27FC236}">
              <a16:creationId xmlns:a16="http://schemas.microsoft.com/office/drawing/2014/main" id="{8DB84811-F31C-4A5F-AFA9-9FDB4F23ABBD}"/>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a:extLst>
            <a:ext uri="{FF2B5EF4-FFF2-40B4-BE49-F238E27FC236}">
              <a16:creationId xmlns:a16="http://schemas.microsoft.com/office/drawing/2014/main" id="{C848CEBC-307C-4604-A134-78FE5046D3FE}"/>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a:extLst>
            <a:ext uri="{FF2B5EF4-FFF2-40B4-BE49-F238E27FC236}">
              <a16:creationId xmlns:a16="http://schemas.microsoft.com/office/drawing/2014/main" id="{0E58C6EF-1E5A-4F3F-B59E-775865979C43}"/>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a:extLst>
            <a:ext uri="{FF2B5EF4-FFF2-40B4-BE49-F238E27FC236}">
              <a16:creationId xmlns:a16="http://schemas.microsoft.com/office/drawing/2014/main" id="{21793B8D-6A01-4E40-AD9C-EF987B93B615}"/>
            </a:ext>
          </a:extLst>
        </xdr:cNvPr>
        <xdr:cNvSpPr txBox="1"/>
      </xdr:nvSpPr>
      <xdr:spPr bwMode="auto">
        <a:xfrm>
          <a:off x="9544" y="171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 name="Text Box 11">
          <a:extLst>
            <a:ext uri="{FF2B5EF4-FFF2-40B4-BE49-F238E27FC236}">
              <a16:creationId xmlns:a16="http://schemas.microsoft.com/office/drawing/2014/main" id="{94F17CBC-1B80-432D-B3BF-3D154F63C9F5}"/>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3" name="Text Box 12">
          <a:extLst>
            <a:ext uri="{FF2B5EF4-FFF2-40B4-BE49-F238E27FC236}">
              <a16:creationId xmlns:a16="http://schemas.microsoft.com/office/drawing/2014/main" id="{0797AE44-62BA-45B4-878F-42525A4A3DAB}"/>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4" name="Text Box 13">
          <a:extLst>
            <a:ext uri="{FF2B5EF4-FFF2-40B4-BE49-F238E27FC236}">
              <a16:creationId xmlns:a16="http://schemas.microsoft.com/office/drawing/2014/main" id="{4F02C479-C507-4AFE-A5D8-B3727F65058C}"/>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5" name="Text Box 14">
          <a:extLst>
            <a:ext uri="{FF2B5EF4-FFF2-40B4-BE49-F238E27FC236}">
              <a16:creationId xmlns:a16="http://schemas.microsoft.com/office/drawing/2014/main" id="{673ABE73-3205-478A-91B8-29F2B43DF51C}"/>
            </a:ext>
          </a:extLst>
        </xdr:cNvPr>
        <xdr:cNvSpPr txBox="1"/>
      </xdr:nvSpPr>
      <xdr:spPr bwMode="auto">
        <a:xfrm>
          <a:off x="6352989" y="1200150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 name="Text Box 15">
          <a:extLst>
            <a:ext uri="{FF2B5EF4-FFF2-40B4-BE49-F238E27FC236}">
              <a16:creationId xmlns:a16="http://schemas.microsoft.com/office/drawing/2014/main" id="{7655C2FB-5857-4445-8201-B74C05FC38A1}"/>
            </a:ext>
          </a:extLst>
        </xdr:cNvPr>
        <xdr:cNvSpPr txBox="1"/>
      </xdr:nvSpPr>
      <xdr:spPr bwMode="auto">
        <a:xfrm>
          <a:off x="3427475" y="125158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7" name="Text Box 16">
          <a:extLst>
            <a:ext uri="{FF2B5EF4-FFF2-40B4-BE49-F238E27FC236}">
              <a16:creationId xmlns:a16="http://schemas.microsoft.com/office/drawing/2014/main" id="{51F5AEA7-ACB3-4E12-B06B-E40FB8147FC6}"/>
            </a:ext>
          </a:extLst>
        </xdr:cNvPr>
        <xdr:cNvSpPr txBox="1"/>
      </xdr:nvSpPr>
      <xdr:spPr bwMode="auto">
        <a:xfrm>
          <a:off x="1370930" y="125158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8" name="Text Box 17">
          <a:extLst>
            <a:ext uri="{FF2B5EF4-FFF2-40B4-BE49-F238E27FC236}">
              <a16:creationId xmlns:a16="http://schemas.microsoft.com/office/drawing/2014/main" id="{4E6A3BFD-E9DC-429C-8B45-096C5600581D}"/>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9" name="Text Box 18">
          <a:extLst>
            <a:ext uri="{FF2B5EF4-FFF2-40B4-BE49-F238E27FC236}">
              <a16:creationId xmlns:a16="http://schemas.microsoft.com/office/drawing/2014/main" id="{F0688316-1958-41FA-8604-8B99F155C124}"/>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0" name="Text Box 19">
          <a:extLst>
            <a:ext uri="{FF2B5EF4-FFF2-40B4-BE49-F238E27FC236}">
              <a16:creationId xmlns:a16="http://schemas.microsoft.com/office/drawing/2014/main" id="{3A401DDA-A626-40BC-8631-4B9A747D4372}"/>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21" name="Text Box 20">
          <a:extLst>
            <a:ext uri="{FF2B5EF4-FFF2-40B4-BE49-F238E27FC236}">
              <a16:creationId xmlns:a16="http://schemas.microsoft.com/office/drawing/2014/main" id="{FBEADDE3-A83F-4367-AE86-DD08C5E79DDC}"/>
            </a:ext>
          </a:extLst>
        </xdr:cNvPr>
        <xdr:cNvSpPr txBox="1"/>
      </xdr:nvSpPr>
      <xdr:spPr bwMode="auto">
        <a:xfrm>
          <a:off x="9544" y="120015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22" name="Text Box 21">
          <a:extLst>
            <a:ext uri="{FF2B5EF4-FFF2-40B4-BE49-F238E27FC236}">
              <a16:creationId xmlns:a16="http://schemas.microsoft.com/office/drawing/2014/main" id="{9AAA8EA0-153E-450D-8DBD-8E0C3ADFC0B1}"/>
            </a:ext>
          </a:extLst>
        </xdr:cNvPr>
        <xdr:cNvSpPr txBox="1"/>
      </xdr:nvSpPr>
      <xdr:spPr bwMode="auto">
        <a:xfrm>
          <a:off x="4486498" y="12001500"/>
          <a:ext cx="3137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23" name="Text Box 22">
          <a:extLst>
            <a:ext uri="{FF2B5EF4-FFF2-40B4-BE49-F238E27FC236}">
              <a16:creationId xmlns:a16="http://schemas.microsoft.com/office/drawing/2014/main" id="{3F73311F-B591-41CF-B085-CB4D533B5AB0}"/>
            </a:ext>
          </a:extLst>
        </xdr:cNvPr>
        <xdr:cNvSpPr txBox="1"/>
      </xdr:nvSpPr>
      <xdr:spPr bwMode="auto">
        <a:xfrm>
          <a:off x="3427940" y="12515850"/>
          <a:ext cx="21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4" name="Text Box 23">
          <a:extLst>
            <a:ext uri="{FF2B5EF4-FFF2-40B4-BE49-F238E27FC236}">
              <a16:creationId xmlns:a16="http://schemas.microsoft.com/office/drawing/2014/main" id="{0AD42150-95D5-49DA-A877-8EDA72D3F47D}"/>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5" name="Text Box 24">
          <a:extLst>
            <a:ext uri="{FF2B5EF4-FFF2-40B4-BE49-F238E27FC236}">
              <a16:creationId xmlns:a16="http://schemas.microsoft.com/office/drawing/2014/main" id="{1135B81E-88F7-4B27-AEE9-C3CFE43C78AF}"/>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26" name="Text Box 25">
          <a:extLst>
            <a:ext uri="{FF2B5EF4-FFF2-40B4-BE49-F238E27FC236}">
              <a16:creationId xmlns:a16="http://schemas.microsoft.com/office/drawing/2014/main" id="{1A090D80-D79F-43E6-BF52-305B09FF9A4C}"/>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27" name="Text Box 26">
          <a:extLst>
            <a:ext uri="{FF2B5EF4-FFF2-40B4-BE49-F238E27FC236}">
              <a16:creationId xmlns:a16="http://schemas.microsoft.com/office/drawing/2014/main" id="{72188906-473B-411B-A936-0F506B3E4AEA}"/>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28" name="Text Box 27">
          <a:extLst>
            <a:ext uri="{FF2B5EF4-FFF2-40B4-BE49-F238E27FC236}">
              <a16:creationId xmlns:a16="http://schemas.microsoft.com/office/drawing/2014/main" id="{111EA7CF-6674-427B-A0B6-FE13390226D9}"/>
            </a:ext>
          </a:extLst>
        </xdr:cNvPr>
        <xdr:cNvSpPr txBox="1"/>
      </xdr:nvSpPr>
      <xdr:spPr bwMode="auto">
        <a:xfrm>
          <a:off x="9544" y="7886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29" name="Text Box 28">
          <a:extLst>
            <a:ext uri="{FF2B5EF4-FFF2-40B4-BE49-F238E27FC236}">
              <a16:creationId xmlns:a16="http://schemas.microsoft.com/office/drawing/2014/main" id="{2333E8F7-7031-46F6-B893-AFFA9BA239CF}"/>
            </a:ext>
          </a:extLst>
        </xdr:cNvPr>
        <xdr:cNvSpPr txBox="1"/>
      </xdr:nvSpPr>
      <xdr:spPr bwMode="auto">
        <a:xfrm>
          <a:off x="4113312" y="94297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0" name="Text Box 29">
          <a:extLst>
            <a:ext uri="{FF2B5EF4-FFF2-40B4-BE49-F238E27FC236}">
              <a16:creationId xmlns:a16="http://schemas.microsoft.com/office/drawing/2014/main" id="{7213D91E-40DD-48C8-8904-881E96D3CA88}"/>
            </a:ext>
          </a:extLst>
        </xdr:cNvPr>
        <xdr:cNvSpPr txBox="1"/>
      </xdr:nvSpPr>
      <xdr:spPr bwMode="auto">
        <a:xfrm>
          <a:off x="4113312" y="94297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31" name="Text Box 30">
          <a:extLst>
            <a:ext uri="{FF2B5EF4-FFF2-40B4-BE49-F238E27FC236}">
              <a16:creationId xmlns:a16="http://schemas.microsoft.com/office/drawing/2014/main" id="{5EEF633D-FF4A-4C60-82AE-1A6AD5CF2A37}"/>
            </a:ext>
          </a:extLst>
        </xdr:cNvPr>
        <xdr:cNvSpPr txBox="1"/>
      </xdr:nvSpPr>
      <xdr:spPr bwMode="auto">
        <a:xfrm>
          <a:off x="4113312" y="94297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32" name="Text Box 31">
          <a:extLst>
            <a:ext uri="{FF2B5EF4-FFF2-40B4-BE49-F238E27FC236}">
              <a16:creationId xmlns:a16="http://schemas.microsoft.com/office/drawing/2014/main" id="{73345DE2-43B9-4FA2-837A-D7C362D8AFAC}"/>
            </a:ext>
          </a:extLst>
        </xdr:cNvPr>
        <xdr:cNvSpPr txBox="1"/>
      </xdr:nvSpPr>
      <xdr:spPr bwMode="auto">
        <a:xfrm>
          <a:off x="6352989" y="94297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33" name="Text Box 32">
          <a:extLst>
            <a:ext uri="{FF2B5EF4-FFF2-40B4-BE49-F238E27FC236}">
              <a16:creationId xmlns:a16="http://schemas.microsoft.com/office/drawing/2014/main" id="{DBD2923E-FB17-446D-BC63-7999B62E087F}"/>
            </a:ext>
          </a:extLst>
        </xdr:cNvPr>
        <xdr:cNvSpPr txBox="1"/>
      </xdr:nvSpPr>
      <xdr:spPr bwMode="auto">
        <a:xfrm>
          <a:off x="3427475" y="118300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34" name="Text Box 33">
          <a:extLst>
            <a:ext uri="{FF2B5EF4-FFF2-40B4-BE49-F238E27FC236}">
              <a16:creationId xmlns:a16="http://schemas.microsoft.com/office/drawing/2014/main" id="{03ABE896-FEAA-4F4D-94DA-3779CF7BC1B5}"/>
            </a:ext>
          </a:extLst>
        </xdr:cNvPr>
        <xdr:cNvSpPr txBox="1"/>
      </xdr:nvSpPr>
      <xdr:spPr bwMode="auto">
        <a:xfrm>
          <a:off x="1370930" y="118300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5" name="Text Box 34">
          <a:extLst>
            <a:ext uri="{FF2B5EF4-FFF2-40B4-BE49-F238E27FC236}">
              <a16:creationId xmlns:a16="http://schemas.microsoft.com/office/drawing/2014/main" id="{370992DA-5763-4243-9593-E12EB7CE25E2}"/>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6" name="Text Box 35">
          <a:extLst>
            <a:ext uri="{FF2B5EF4-FFF2-40B4-BE49-F238E27FC236}">
              <a16:creationId xmlns:a16="http://schemas.microsoft.com/office/drawing/2014/main" id="{FA711D3D-B180-426F-B457-CA885EA5DC5E}"/>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37" name="Text Box 36">
          <a:extLst>
            <a:ext uri="{FF2B5EF4-FFF2-40B4-BE49-F238E27FC236}">
              <a16:creationId xmlns:a16="http://schemas.microsoft.com/office/drawing/2014/main" id="{043D2BD7-0977-4108-A944-B2B08D987466}"/>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38" name="Text Box 37">
          <a:extLst>
            <a:ext uri="{FF2B5EF4-FFF2-40B4-BE49-F238E27FC236}">
              <a16:creationId xmlns:a16="http://schemas.microsoft.com/office/drawing/2014/main" id="{76747B43-727C-4B50-AB71-443359FD9A0E}"/>
            </a:ext>
          </a:extLst>
        </xdr:cNvPr>
        <xdr:cNvSpPr txBox="1"/>
      </xdr:nvSpPr>
      <xdr:spPr bwMode="auto">
        <a:xfrm>
          <a:off x="9544" y="94297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39" name="Text Box 38">
          <a:extLst>
            <a:ext uri="{FF2B5EF4-FFF2-40B4-BE49-F238E27FC236}">
              <a16:creationId xmlns:a16="http://schemas.microsoft.com/office/drawing/2014/main" id="{1AC4B2BE-81BF-4EDC-99D8-3414EFF4AF64}"/>
            </a:ext>
          </a:extLst>
        </xdr:cNvPr>
        <xdr:cNvSpPr txBox="1"/>
      </xdr:nvSpPr>
      <xdr:spPr bwMode="auto">
        <a:xfrm>
          <a:off x="9544" y="118300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40" name="Rectangle 39">
          <a:extLst>
            <a:ext uri="{FF2B5EF4-FFF2-40B4-BE49-F238E27FC236}">
              <a16:creationId xmlns:a16="http://schemas.microsoft.com/office/drawing/2014/main" id="{2DF108E1-CF62-454C-92EA-86DFF493CC97}"/>
            </a:ext>
          </a:extLst>
        </xdr:cNvPr>
        <xdr:cNvSpPr>
          <a:spLocks noChangeArrowheads="1"/>
        </xdr:cNvSpPr>
      </xdr:nvSpPr>
      <xdr:spPr bwMode="auto">
        <a:xfrm>
          <a:off x="1371600" y="7372350"/>
          <a:ext cx="2743200" cy="11525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41" name="Text Box 40">
          <a:extLst>
            <a:ext uri="{FF2B5EF4-FFF2-40B4-BE49-F238E27FC236}">
              <a16:creationId xmlns:a16="http://schemas.microsoft.com/office/drawing/2014/main" id="{08CF86A5-7107-46B3-8921-80E0F826F266}"/>
            </a:ext>
          </a:extLst>
        </xdr:cNvPr>
        <xdr:cNvSpPr txBox="1"/>
      </xdr:nvSpPr>
      <xdr:spPr bwMode="auto">
        <a:xfrm>
          <a:off x="9544" y="12515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2" name="Text Box 41">
          <a:extLst>
            <a:ext uri="{FF2B5EF4-FFF2-40B4-BE49-F238E27FC236}">
              <a16:creationId xmlns:a16="http://schemas.microsoft.com/office/drawing/2014/main" id="{37CD2E2A-339A-4D30-9C64-CE31264E1A9F}"/>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3" name="Text Box 42">
          <a:extLst>
            <a:ext uri="{FF2B5EF4-FFF2-40B4-BE49-F238E27FC236}">
              <a16:creationId xmlns:a16="http://schemas.microsoft.com/office/drawing/2014/main" id="{2797A8E0-8C37-47FA-9DC5-A1FE00AFBE9F}"/>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44" name="Text Box 43">
          <a:extLst>
            <a:ext uri="{FF2B5EF4-FFF2-40B4-BE49-F238E27FC236}">
              <a16:creationId xmlns:a16="http://schemas.microsoft.com/office/drawing/2014/main" id="{E8A54A0B-23C1-4999-AEB6-DBF9A60E52DF}"/>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45" name="Text Box 44">
          <a:extLst>
            <a:ext uri="{FF2B5EF4-FFF2-40B4-BE49-F238E27FC236}">
              <a16:creationId xmlns:a16="http://schemas.microsoft.com/office/drawing/2014/main" id="{A471D849-22C7-45E0-A7B2-86DCFEC14A2E}"/>
            </a:ext>
          </a:extLst>
        </xdr:cNvPr>
        <xdr:cNvSpPr txBox="1"/>
      </xdr:nvSpPr>
      <xdr:spPr bwMode="auto">
        <a:xfrm>
          <a:off x="6352989" y="125158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46" name="Text Box 45">
          <a:extLst>
            <a:ext uri="{FF2B5EF4-FFF2-40B4-BE49-F238E27FC236}">
              <a16:creationId xmlns:a16="http://schemas.microsoft.com/office/drawing/2014/main" id="{706D8060-E4CC-4F4F-884B-0F3678BD8393}"/>
            </a:ext>
          </a:extLst>
        </xdr:cNvPr>
        <xdr:cNvSpPr txBox="1"/>
      </xdr:nvSpPr>
      <xdr:spPr bwMode="auto">
        <a:xfrm>
          <a:off x="3427475" y="128587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47" name="Text Box 46">
          <a:extLst>
            <a:ext uri="{FF2B5EF4-FFF2-40B4-BE49-F238E27FC236}">
              <a16:creationId xmlns:a16="http://schemas.microsoft.com/office/drawing/2014/main" id="{F5B39743-1EE7-4E9F-819D-3ED026E696D7}"/>
            </a:ext>
          </a:extLst>
        </xdr:cNvPr>
        <xdr:cNvSpPr txBox="1"/>
      </xdr:nvSpPr>
      <xdr:spPr bwMode="auto">
        <a:xfrm>
          <a:off x="1370930" y="130302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8" name="Text Box 47">
          <a:extLst>
            <a:ext uri="{FF2B5EF4-FFF2-40B4-BE49-F238E27FC236}">
              <a16:creationId xmlns:a16="http://schemas.microsoft.com/office/drawing/2014/main" id="{8964F3AF-2840-4B8B-A10B-A4C9FC196D25}"/>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49" name="Text Box 48">
          <a:extLst>
            <a:ext uri="{FF2B5EF4-FFF2-40B4-BE49-F238E27FC236}">
              <a16:creationId xmlns:a16="http://schemas.microsoft.com/office/drawing/2014/main" id="{8801FC89-7D53-4EA7-8BDD-31A54DD9BA46}"/>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50" name="Text Box 49">
          <a:extLst>
            <a:ext uri="{FF2B5EF4-FFF2-40B4-BE49-F238E27FC236}">
              <a16:creationId xmlns:a16="http://schemas.microsoft.com/office/drawing/2014/main" id="{31F8FAA2-BAAB-48F0-85DB-F11A4AEECD2D}"/>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51" name="Text Box 50">
          <a:extLst>
            <a:ext uri="{FF2B5EF4-FFF2-40B4-BE49-F238E27FC236}">
              <a16:creationId xmlns:a16="http://schemas.microsoft.com/office/drawing/2014/main" id="{7C037C93-CB38-487A-AE25-C542C16E0420}"/>
            </a:ext>
          </a:extLst>
        </xdr:cNvPr>
        <xdr:cNvSpPr txBox="1"/>
      </xdr:nvSpPr>
      <xdr:spPr bwMode="auto">
        <a:xfrm>
          <a:off x="9544" y="12515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a:extLst>
            <a:ext uri="{FF2B5EF4-FFF2-40B4-BE49-F238E27FC236}">
              <a16:creationId xmlns:a16="http://schemas.microsoft.com/office/drawing/2014/main" id="{08B6D7D9-AE6A-412D-A097-024B5239D151}"/>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a:extLst>
            <a:ext uri="{FF2B5EF4-FFF2-40B4-BE49-F238E27FC236}">
              <a16:creationId xmlns:a16="http://schemas.microsoft.com/office/drawing/2014/main" id="{DA28E72B-1850-4F7C-92D8-374F03804B12}"/>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a:extLst>
            <a:ext uri="{FF2B5EF4-FFF2-40B4-BE49-F238E27FC236}">
              <a16:creationId xmlns:a16="http://schemas.microsoft.com/office/drawing/2014/main" id="{C26E792C-CEEB-406D-9B02-98B5D7FFA8C6}"/>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a:extLst>
            <a:ext uri="{FF2B5EF4-FFF2-40B4-BE49-F238E27FC236}">
              <a16:creationId xmlns:a16="http://schemas.microsoft.com/office/drawing/2014/main" id="{0705A086-FA03-42BE-BC1C-AD173152E5C6}"/>
            </a:ext>
          </a:extLst>
        </xdr:cNvPr>
        <xdr:cNvSpPr txBox="1"/>
      </xdr:nvSpPr>
      <xdr:spPr bwMode="auto">
        <a:xfrm>
          <a:off x="6352989" y="171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a:extLst>
            <a:ext uri="{FF2B5EF4-FFF2-40B4-BE49-F238E27FC236}">
              <a16:creationId xmlns:a16="http://schemas.microsoft.com/office/drawing/2014/main" id="{F5FFC671-4499-4229-80BD-BD27E4F06A08}"/>
            </a:ext>
          </a:extLst>
        </xdr:cNvPr>
        <xdr:cNvSpPr txBox="1"/>
      </xdr:nvSpPr>
      <xdr:spPr bwMode="auto">
        <a:xfrm>
          <a:off x="3427475" y="171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a:extLst>
            <a:ext uri="{FF2B5EF4-FFF2-40B4-BE49-F238E27FC236}">
              <a16:creationId xmlns:a16="http://schemas.microsoft.com/office/drawing/2014/main" id="{5B39F65B-7FD6-4E42-BF21-CE78EBE8CA08}"/>
            </a:ext>
          </a:extLst>
        </xdr:cNvPr>
        <xdr:cNvSpPr txBox="1"/>
      </xdr:nvSpPr>
      <xdr:spPr bwMode="auto">
        <a:xfrm>
          <a:off x="1370930" y="171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a:extLst>
            <a:ext uri="{FF2B5EF4-FFF2-40B4-BE49-F238E27FC236}">
              <a16:creationId xmlns:a16="http://schemas.microsoft.com/office/drawing/2014/main" id="{7C8F8124-A770-4561-A4F0-4F81C1543E88}"/>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a:extLst>
            <a:ext uri="{FF2B5EF4-FFF2-40B4-BE49-F238E27FC236}">
              <a16:creationId xmlns:a16="http://schemas.microsoft.com/office/drawing/2014/main" id="{C14305DE-FDA5-4DB3-B0BC-9E3FFA24C4DA}"/>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a:extLst>
            <a:ext uri="{FF2B5EF4-FFF2-40B4-BE49-F238E27FC236}">
              <a16:creationId xmlns:a16="http://schemas.microsoft.com/office/drawing/2014/main" id="{7439A699-9BC2-4C91-8D4A-92E47063A35B}"/>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a:extLst>
            <a:ext uri="{FF2B5EF4-FFF2-40B4-BE49-F238E27FC236}">
              <a16:creationId xmlns:a16="http://schemas.microsoft.com/office/drawing/2014/main" id="{6FFC2725-3498-4D4A-950B-48BEA15A3640}"/>
            </a:ext>
          </a:extLst>
        </xdr:cNvPr>
        <xdr:cNvSpPr txBox="1"/>
      </xdr:nvSpPr>
      <xdr:spPr bwMode="auto">
        <a:xfrm>
          <a:off x="9544" y="171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2" name="Text Box 11">
          <a:extLst>
            <a:ext uri="{FF2B5EF4-FFF2-40B4-BE49-F238E27FC236}">
              <a16:creationId xmlns:a16="http://schemas.microsoft.com/office/drawing/2014/main" id="{DF449DA5-1B7F-4817-B773-E6951C6B26C6}"/>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3" name="Text Box 12">
          <a:extLst>
            <a:ext uri="{FF2B5EF4-FFF2-40B4-BE49-F238E27FC236}">
              <a16:creationId xmlns:a16="http://schemas.microsoft.com/office/drawing/2014/main" id="{AA77D9C1-B681-4892-A0BB-17D75BEA3E74}"/>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64" name="Text Box 13">
          <a:extLst>
            <a:ext uri="{FF2B5EF4-FFF2-40B4-BE49-F238E27FC236}">
              <a16:creationId xmlns:a16="http://schemas.microsoft.com/office/drawing/2014/main" id="{38BE82B0-7B7E-455E-A431-EB1C5473074D}"/>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65" name="Text Box 14">
          <a:extLst>
            <a:ext uri="{FF2B5EF4-FFF2-40B4-BE49-F238E27FC236}">
              <a16:creationId xmlns:a16="http://schemas.microsoft.com/office/drawing/2014/main" id="{FA87C6DB-4931-4342-A060-084B9E7A07C4}"/>
            </a:ext>
          </a:extLst>
        </xdr:cNvPr>
        <xdr:cNvSpPr txBox="1"/>
      </xdr:nvSpPr>
      <xdr:spPr bwMode="auto">
        <a:xfrm>
          <a:off x="6352989" y="1200150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66" name="Text Box 15">
          <a:extLst>
            <a:ext uri="{FF2B5EF4-FFF2-40B4-BE49-F238E27FC236}">
              <a16:creationId xmlns:a16="http://schemas.microsoft.com/office/drawing/2014/main" id="{18BE2166-607B-441B-9D9C-73A7018DDC4D}"/>
            </a:ext>
          </a:extLst>
        </xdr:cNvPr>
        <xdr:cNvSpPr txBox="1"/>
      </xdr:nvSpPr>
      <xdr:spPr bwMode="auto">
        <a:xfrm>
          <a:off x="3427475" y="125158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67" name="Text Box 16">
          <a:extLst>
            <a:ext uri="{FF2B5EF4-FFF2-40B4-BE49-F238E27FC236}">
              <a16:creationId xmlns:a16="http://schemas.microsoft.com/office/drawing/2014/main" id="{BD83D911-2936-44A9-B27E-B65BA1A4A749}"/>
            </a:ext>
          </a:extLst>
        </xdr:cNvPr>
        <xdr:cNvSpPr txBox="1"/>
      </xdr:nvSpPr>
      <xdr:spPr bwMode="auto">
        <a:xfrm>
          <a:off x="1370930" y="125158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8" name="Text Box 17">
          <a:extLst>
            <a:ext uri="{FF2B5EF4-FFF2-40B4-BE49-F238E27FC236}">
              <a16:creationId xmlns:a16="http://schemas.microsoft.com/office/drawing/2014/main" id="{336276D9-A0A4-40DD-B2AF-12FC1816BD8B}"/>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69" name="Text Box 18">
          <a:extLst>
            <a:ext uri="{FF2B5EF4-FFF2-40B4-BE49-F238E27FC236}">
              <a16:creationId xmlns:a16="http://schemas.microsoft.com/office/drawing/2014/main" id="{388929C6-3F99-49B3-B230-6F5C037F5E85}"/>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0" name="Text Box 19">
          <a:extLst>
            <a:ext uri="{FF2B5EF4-FFF2-40B4-BE49-F238E27FC236}">
              <a16:creationId xmlns:a16="http://schemas.microsoft.com/office/drawing/2014/main" id="{69F4AE32-90F3-4CF2-8118-2AA29AD09D3D}"/>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71" name="Text Box 20">
          <a:extLst>
            <a:ext uri="{FF2B5EF4-FFF2-40B4-BE49-F238E27FC236}">
              <a16:creationId xmlns:a16="http://schemas.microsoft.com/office/drawing/2014/main" id="{019AAB55-45AE-44AA-B66C-C24518910AD2}"/>
            </a:ext>
          </a:extLst>
        </xdr:cNvPr>
        <xdr:cNvSpPr txBox="1"/>
      </xdr:nvSpPr>
      <xdr:spPr bwMode="auto">
        <a:xfrm>
          <a:off x="9544" y="120015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72" name="Text Box 21">
          <a:extLst>
            <a:ext uri="{FF2B5EF4-FFF2-40B4-BE49-F238E27FC236}">
              <a16:creationId xmlns:a16="http://schemas.microsoft.com/office/drawing/2014/main" id="{5F8AF97B-693A-4F73-84A9-F5198E47414B}"/>
            </a:ext>
          </a:extLst>
        </xdr:cNvPr>
        <xdr:cNvSpPr txBox="1"/>
      </xdr:nvSpPr>
      <xdr:spPr bwMode="auto">
        <a:xfrm>
          <a:off x="4486498" y="12001500"/>
          <a:ext cx="3137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73" name="Text Box 22">
          <a:extLst>
            <a:ext uri="{FF2B5EF4-FFF2-40B4-BE49-F238E27FC236}">
              <a16:creationId xmlns:a16="http://schemas.microsoft.com/office/drawing/2014/main" id="{7D8CF6A6-E6DF-43CE-B88B-352D04EE128B}"/>
            </a:ext>
          </a:extLst>
        </xdr:cNvPr>
        <xdr:cNvSpPr txBox="1"/>
      </xdr:nvSpPr>
      <xdr:spPr bwMode="auto">
        <a:xfrm>
          <a:off x="3427940" y="12515850"/>
          <a:ext cx="21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4" name="Text Box 23">
          <a:extLst>
            <a:ext uri="{FF2B5EF4-FFF2-40B4-BE49-F238E27FC236}">
              <a16:creationId xmlns:a16="http://schemas.microsoft.com/office/drawing/2014/main" id="{324AB6AB-3D59-4AB2-A94B-902F1383A3B8}"/>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5" name="Text Box 24">
          <a:extLst>
            <a:ext uri="{FF2B5EF4-FFF2-40B4-BE49-F238E27FC236}">
              <a16:creationId xmlns:a16="http://schemas.microsoft.com/office/drawing/2014/main" id="{DDE84DA2-154B-4CA1-BA06-D9C7DA0DEB76}"/>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76" name="Text Box 25">
          <a:extLst>
            <a:ext uri="{FF2B5EF4-FFF2-40B4-BE49-F238E27FC236}">
              <a16:creationId xmlns:a16="http://schemas.microsoft.com/office/drawing/2014/main" id="{81B3C41E-199A-44A0-A16A-315FA53434EA}"/>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77" name="Text Box 26">
          <a:extLst>
            <a:ext uri="{FF2B5EF4-FFF2-40B4-BE49-F238E27FC236}">
              <a16:creationId xmlns:a16="http://schemas.microsoft.com/office/drawing/2014/main" id="{4F66B0C7-BBCE-4B21-A101-175FCFB49D74}"/>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78" name="Text Box 27">
          <a:extLst>
            <a:ext uri="{FF2B5EF4-FFF2-40B4-BE49-F238E27FC236}">
              <a16:creationId xmlns:a16="http://schemas.microsoft.com/office/drawing/2014/main" id="{2B807665-B0F4-4F42-8B3E-96188CD6F176}"/>
            </a:ext>
          </a:extLst>
        </xdr:cNvPr>
        <xdr:cNvSpPr txBox="1"/>
      </xdr:nvSpPr>
      <xdr:spPr bwMode="auto">
        <a:xfrm>
          <a:off x="9544" y="7886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79" name="Text Box 28">
          <a:extLst>
            <a:ext uri="{FF2B5EF4-FFF2-40B4-BE49-F238E27FC236}">
              <a16:creationId xmlns:a16="http://schemas.microsoft.com/office/drawing/2014/main" id="{39DBBFAB-F4E4-4C57-9880-A405D36A5B40}"/>
            </a:ext>
          </a:extLst>
        </xdr:cNvPr>
        <xdr:cNvSpPr txBox="1"/>
      </xdr:nvSpPr>
      <xdr:spPr bwMode="auto">
        <a:xfrm>
          <a:off x="4113312" y="94297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0" name="Text Box 29">
          <a:extLst>
            <a:ext uri="{FF2B5EF4-FFF2-40B4-BE49-F238E27FC236}">
              <a16:creationId xmlns:a16="http://schemas.microsoft.com/office/drawing/2014/main" id="{DDD2BB2F-6E14-41E0-BF07-DEABBF8E37E4}"/>
            </a:ext>
          </a:extLst>
        </xdr:cNvPr>
        <xdr:cNvSpPr txBox="1"/>
      </xdr:nvSpPr>
      <xdr:spPr bwMode="auto">
        <a:xfrm>
          <a:off x="4113312" y="94297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5</xdr:row>
      <xdr:rowOff>0</xdr:rowOff>
    </xdr:from>
    <xdr:to>
      <xdr:col>6</xdr:col>
      <xdr:colOff>467134</xdr:colOff>
      <xdr:row>55</xdr:row>
      <xdr:rowOff>0</xdr:rowOff>
    </xdr:to>
    <xdr:sp macro="" textlink="">
      <xdr:nvSpPr>
        <xdr:cNvPr id="81" name="Text Box 30">
          <a:extLst>
            <a:ext uri="{FF2B5EF4-FFF2-40B4-BE49-F238E27FC236}">
              <a16:creationId xmlns:a16="http://schemas.microsoft.com/office/drawing/2014/main" id="{5354C7F9-E688-4898-ACA2-5888C3C4C707}"/>
            </a:ext>
          </a:extLst>
        </xdr:cNvPr>
        <xdr:cNvSpPr txBox="1"/>
      </xdr:nvSpPr>
      <xdr:spPr bwMode="auto">
        <a:xfrm>
          <a:off x="4113312" y="94297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5</xdr:row>
      <xdr:rowOff>0</xdr:rowOff>
    </xdr:from>
    <xdr:to>
      <xdr:col>10</xdr:col>
      <xdr:colOff>323980</xdr:colOff>
      <xdr:row>55</xdr:row>
      <xdr:rowOff>0</xdr:rowOff>
    </xdr:to>
    <xdr:sp macro="" textlink="">
      <xdr:nvSpPr>
        <xdr:cNvPr id="82" name="Text Box 31">
          <a:extLst>
            <a:ext uri="{FF2B5EF4-FFF2-40B4-BE49-F238E27FC236}">
              <a16:creationId xmlns:a16="http://schemas.microsoft.com/office/drawing/2014/main" id="{3144FDA7-57F9-46D9-AC07-1FFAB9AD8D1F}"/>
            </a:ext>
          </a:extLst>
        </xdr:cNvPr>
        <xdr:cNvSpPr txBox="1"/>
      </xdr:nvSpPr>
      <xdr:spPr bwMode="auto">
        <a:xfrm>
          <a:off x="6352989" y="94297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83" name="Text Box 32">
          <a:extLst>
            <a:ext uri="{FF2B5EF4-FFF2-40B4-BE49-F238E27FC236}">
              <a16:creationId xmlns:a16="http://schemas.microsoft.com/office/drawing/2014/main" id="{5096B97D-E60E-45E2-8C6B-71AEA07019B7}"/>
            </a:ext>
          </a:extLst>
        </xdr:cNvPr>
        <xdr:cNvSpPr txBox="1"/>
      </xdr:nvSpPr>
      <xdr:spPr bwMode="auto">
        <a:xfrm>
          <a:off x="3427475" y="118300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84" name="Text Box 33">
          <a:extLst>
            <a:ext uri="{FF2B5EF4-FFF2-40B4-BE49-F238E27FC236}">
              <a16:creationId xmlns:a16="http://schemas.microsoft.com/office/drawing/2014/main" id="{06FA9C9E-4C27-4A39-B098-6FEF5C78D2A2}"/>
            </a:ext>
          </a:extLst>
        </xdr:cNvPr>
        <xdr:cNvSpPr txBox="1"/>
      </xdr:nvSpPr>
      <xdr:spPr bwMode="auto">
        <a:xfrm>
          <a:off x="1370930" y="118300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5" name="Text Box 34">
          <a:extLst>
            <a:ext uri="{FF2B5EF4-FFF2-40B4-BE49-F238E27FC236}">
              <a16:creationId xmlns:a16="http://schemas.microsoft.com/office/drawing/2014/main" id="{A10F6456-5010-4A81-8381-AD68C95CCC88}"/>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6" name="Text Box 35">
          <a:extLst>
            <a:ext uri="{FF2B5EF4-FFF2-40B4-BE49-F238E27FC236}">
              <a16:creationId xmlns:a16="http://schemas.microsoft.com/office/drawing/2014/main" id="{A765DBEA-52EB-4C58-87C3-435ED231121C}"/>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87" name="Text Box 36">
          <a:extLst>
            <a:ext uri="{FF2B5EF4-FFF2-40B4-BE49-F238E27FC236}">
              <a16:creationId xmlns:a16="http://schemas.microsoft.com/office/drawing/2014/main" id="{8F132231-A8E2-4BE8-88FC-6CA6BFBB080C}"/>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5</xdr:row>
      <xdr:rowOff>0</xdr:rowOff>
    </xdr:from>
    <xdr:to>
      <xdr:col>0</xdr:col>
      <xdr:colOff>180975</xdr:colOff>
      <xdr:row>55</xdr:row>
      <xdr:rowOff>0</xdr:rowOff>
    </xdr:to>
    <xdr:sp macro="" textlink="">
      <xdr:nvSpPr>
        <xdr:cNvPr id="88" name="Text Box 37">
          <a:extLst>
            <a:ext uri="{FF2B5EF4-FFF2-40B4-BE49-F238E27FC236}">
              <a16:creationId xmlns:a16="http://schemas.microsoft.com/office/drawing/2014/main" id="{A31E3D6D-76F5-43F8-93A9-A133EFEC637A}"/>
            </a:ext>
          </a:extLst>
        </xdr:cNvPr>
        <xdr:cNvSpPr txBox="1"/>
      </xdr:nvSpPr>
      <xdr:spPr bwMode="auto">
        <a:xfrm>
          <a:off x="9544" y="94297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89" name="Text Box 38">
          <a:extLst>
            <a:ext uri="{FF2B5EF4-FFF2-40B4-BE49-F238E27FC236}">
              <a16:creationId xmlns:a16="http://schemas.microsoft.com/office/drawing/2014/main" id="{0ADA353C-07D0-4A99-BDA7-E87F70DD534C}"/>
            </a:ext>
          </a:extLst>
        </xdr:cNvPr>
        <xdr:cNvSpPr txBox="1"/>
      </xdr:nvSpPr>
      <xdr:spPr bwMode="auto">
        <a:xfrm>
          <a:off x="9544" y="118300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90" name="Rectangle 39">
          <a:extLst>
            <a:ext uri="{FF2B5EF4-FFF2-40B4-BE49-F238E27FC236}">
              <a16:creationId xmlns:a16="http://schemas.microsoft.com/office/drawing/2014/main" id="{E5C59C6F-6417-4400-A8FC-705286958A08}"/>
            </a:ext>
          </a:extLst>
        </xdr:cNvPr>
        <xdr:cNvSpPr>
          <a:spLocks noChangeArrowheads="1"/>
        </xdr:cNvSpPr>
      </xdr:nvSpPr>
      <xdr:spPr bwMode="auto">
        <a:xfrm>
          <a:off x="1371600" y="7372350"/>
          <a:ext cx="2743200" cy="11525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91" name="Text Box 40">
          <a:extLst>
            <a:ext uri="{FF2B5EF4-FFF2-40B4-BE49-F238E27FC236}">
              <a16:creationId xmlns:a16="http://schemas.microsoft.com/office/drawing/2014/main" id="{7BFE1BEC-9026-4444-9DE4-78351A233178}"/>
            </a:ext>
          </a:extLst>
        </xdr:cNvPr>
        <xdr:cNvSpPr txBox="1"/>
      </xdr:nvSpPr>
      <xdr:spPr bwMode="auto">
        <a:xfrm>
          <a:off x="9544" y="12515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2" name="Text Box 41">
          <a:extLst>
            <a:ext uri="{FF2B5EF4-FFF2-40B4-BE49-F238E27FC236}">
              <a16:creationId xmlns:a16="http://schemas.microsoft.com/office/drawing/2014/main" id="{220B0E98-A54E-4BD4-A41A-95B4938285DC}"/>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3" name="Text Box 42">
          <a:extLst>
            <a:ext uri="{FF2B5EF4-FFF2-40B4-BE49-F238E27FC236}">
              <a16:creationId xmlns:a16="http://schemas.microsoft.com/office/drawing/2014/main" id="{7BA74E40-56D1-4C36-997A-8FE630743212}"/>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94" name="Text Box 43">
          <a:extLst>
            <a:ext uri="{FF2B5EF4-FFF2-40B4-BE49-F238E27FC236}">
              <a16:creationId xmlns:a16="http://schemas.microsoft.com/office/drawing/2014/main" id="{A510A69B-4A93-43AB-8B74-89CDDC7696FD}"/>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95" name="Text Box 44">
          <a:extLst>
            <a:ext uri="{FF2B5EF4-FFF2-40B4-BE49-F238E27FC236}">
              <a16:creationId xmlns:a16="http://schemas.microsoft.com/office/drawing/2014/main" id="{FE0AF863-20D3-42D0-A73F-EA3012EB7B34}"/>
            </a:ext>
          </a:extLst>
        </xdr:cNvPr>
        <xdr:cNvSpPr txBox="1"/>
      </xdr:nvSpPr>
      <xdr:spPr bwMode="auto">
        <a:xfrm>
          <a:off x="6352989" y="125158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96" name="Text Box 45">
          <a:extLst>
            <a:ext uri="{FF2B5EF4-FFF2-40B4-BE49-F238E27FC236}">
              <a16:creationId xmlns:a16="http://schemas.microsoft.com/office/drawing/2014/main" id="{C654BF68-4AD2-4455-904C-80C909D5830F}"/>
            </a:ext>
          </a:extLst>
        </xdr:cNvPr>
        <xdr:cNvSpPr txBox="1"/>
      </xdr:nvSpPr>
      <xdr:spPr bwMode="auto">
        <a:xfrm>
          <a:off x="3427475" y="128587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97" name="Text Box 46">
          <a:extLst>
            <a:ext uri="{FF2B5EF4-FFF2-40B4-BE49-F238E27FC236}">
              <a16:creationId xmlns:a16="http://schemas.microsoft.com/office/drawing/2014/main" id="{DA84D92B-4347-4D27-B33D-FA6AD81CA199}"/>
            </a:ext>
          </a:extLst>
        </xdr:cNvPr>
        <xdr:cNvSpPr txBox="1"/>
      </xdr:nvSpPr>
      <xdr:spPr bwMode="auto">
        <a:xfrm>
          <a:off x="1370930" y="130302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8" name="Text Box 47">
          <a:extLst>
            <a:ext uri="{FF2B5EF4-FFF2-40B4-BE49-F238E27FC236}">
              <a16:creationId xmlns:a16="http://schemas.microsoft.com/office/drawing/2014/main" id="{4B7234F9-1469-4F14-8D86-1145347F5AA4}"/>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99" name="Text Box 48">
          <a:extLst>
            <a:ext uri="{FF2B5EF4-FFF2-40B4-BE49-F238E27FC236}">
              <a16:creationId xmlns:a16="http://schemas.microsoft.com/office/drawing/2014/main" id="{2A7D2716-78B9-4CAE-8ADD-A9A5AC585242}"/>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00" name="Text Box 49">
          <a:extLst>
            <a:ext uri="{FF2B5EF4-FFF2-40B4-BE49-F238E27FC236}">
              <a16:creationId xmlns:a16="http://schemas.microsoft.com/office/drawing/2014/main" id="{7D6FE6AF-81B7-4A8D-9CE4-93C55336262D}"/>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01" name="Text Box 50">
          <a:extLst>
            <a:ext uri="{FF2B5EF4-FFF2-40B4-BE49-F238E27FC236}">
              <a16:creationId xmlns:a16="http://schemas.microsoft.com/office/drawing/2014/main" id="{7E108D35-7954-448F-ACC4-83627BE74A1F}"/>
            </a:ext>
          </a:extLst>
        </xdr:cNvPr>
        <xdr:cNvSpPr txBox="1"/>
      </xdr:nvSpPr>
      <xdr:spPr bwMode="auto">
        <a:xfrm>
          <a:off x="9544" y="12515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a:extLst>
            <a:ext uri="{FF2B5EF4-FFF2-40B4-BE49-F238E27FC236}">
              <a16:creationId xmlns:a16="http://schemas.microsoft.com/office/drawing/2014/main" id="{6D08BCE4-C27C-4698-BAA7-12C7B207636B}"/>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a:extLst>
            <a:ext uri="{FF2B5EF4-FFF2-40B4-BE49-F238E27FC236}">
              <a16:creationId xmlns:a16="http://schemas.microsoft.com/office/drawing/2014/main" id="{6DFA68D3-FA1F-4683-A553-1E2935DB0D7F}"/>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a:extLst>
            <a:ext uri="{FF2B5EF4-FFF2-40B4-BE49-F238E27FC236}">
              <a16:creationId xmlns:a16="http://schemas.microsoft.com/office/drawing/2014/main" id="{6C59BB29-5508-4A84-9C40-F49A009182FC}"/>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a:extLst>
            <a:ext uri="{FF2B5EF4-FFF2-40B4-BE49-F238E27FC236}">
              <a16:creationId xmlns:a16="http://schemas.microsoft.com/office/drawing/2014/main" id="{CA7027FA-D7FD-4EA7-A1C3-30679DD854C7}"/>
            </a:ext>
          </a:extLst>
        </xdr:cNvPr>
        <xdr:cNvSpPr txBox="1"/>
      </xdr:nvSpPr>
      <xdr:spPr bwMode="auto">
        <a:xfrm>
          <a:off x="6352989" y="171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a:extLst>
            <a:ext uri="{FF2B5EF4-FFF2-40B4-BE49-F238E27FC236}">
              <a16:creationId xmlns:a16="http://schemas.microsoft.com/office/drawing/2014/main" id="{9BC6EB09-AAFD-467E-8FC2-38BDF550E5C8}"/>
            </a:ext>
          </a:extLst>
        </xdr:cNvPr>
        <xdr:cNvSpPr txBox="1"/>
      </xdr:nvSpPr>
      <xdr:spPr bwMode="auto">
        <a:xfrm>
          <a:off x="3427475" y="171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a:extLst>
            <a:ext uri="{FF2B5EF4-FFF2-40B4-BE49-F238E27FC236}">
              <a16:creationId xmlns:a16="http://schemas.microsoft.com/office/drawing/2014/main" id="{24BCB9AF-6651-4B0A-8E3A-AD924741D196}"/>
            </a:ext>
          </a:extLst>
        </xdr:cNvPr>
        <xdr:cNvSpPr txBox="1"/>
      </xdr:nvSpPr>
      <xdr:spPr bwMode="auto">
        <a:xfrm>
          <a:off x="1370930" y="1714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a:extLst>
            <a:ext uri="{FF2B5EF4-FFF2-40B4-BE49-F238E27FC236}">
              <a16:creationId xmlns:a16="http://schemas.microsoft.com/office/drawing/2014/main" id="{04BA3B80-615D-473A-8E77-8D452167CE64}"/>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a:extLst>
            <a:ext uri="{FF2B5EF4-FFF2-40B4-BE49-F238E27FC236}">
              <a16:creationId xmlns:a16="http://schemas.microsoft.com/office/drawing/2014/main" id="{00D20408-5890-4F8D-BF43-FD5C5396BD67}"/>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a:extLst>
            <a:ext uri="{FF2B5EF4-FFF2-40B4-BE49-F238E27FC236}">
              <a16:creationId xmlns:a16="http://schemas.microsoft.com/office/drawing/2014/main" id="{2D1E8A80-13F3-4978-A4A1-E414A955991E}"/>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a:extLst>
            <a:ext uri="{FF2B5EF4-FFF2-40B4-BE49-F238E27FC236}">
              <a16:creationId xmlns:a16="http://schemas.microsoft.com/office/drawing/2014/main" id="{F681DF98-538F-4081-91AD-A737331F64E4}"/>
            </a:ext>
          </a:extLst>
        </xdr:cNvPr>
        <xdr:cNvSpPr txBox="1"/>
      </xdr:nvSpPr>
      <xdr:spPr bwMode="auto">
        <a:xfrm>
          <a:off x="9544" y="171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2" name="Text Box 11">
          <a:extLst>
            <a:ext uri="{FF2B5EF4-FFF2-40B4-BE49-F238E27FC236}">
              <a16:creationId xmlns:a16="http://schemas.microsoft.com/office/drawing/2014/main" id="{ECBEA128-AC68-4FA4-BB00-A7EC27475CE9}"/>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3" name="Text Box 12">
          <a:extLst>
            <a:ext uri="{FF2B5EF4-FFF2-40B4-BE49-F238E27FC236}">
              <a16:creationId xmlns:a16="http://schemas.microsoft.com/office/drawing/2014/main" id="{D70066C5-013C-45C8-9559-AF3851DE2097}"/>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14" name="Text Box 13">
          <a:extLst>
            <a:ext uri="{FF2B5EF4-FFF2-40B4-BE49-F238E27FC236}">
              <a16:creationId xmlns:a16="http://schemas.microsoft.com/office/drawing/2014/main" id="{6699ABF2-7D66-43BE-ADED-0180FF128A4E}"/>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15" name="Text Box 14">
          <a:extLst>
            <a:ext uri="{FF2B5EF4-FFF2-40B4-BE49-F238E27FC236}">
              <a16:creationId xmlns:a16="http://schemas.microsoft.com/office/drawing/2014/main" id="{B48509AB-F357-4BED-995E-3A9A06EA558C}"/>
            </a:ext>
          </a:extLst>
        </xdr:cNvPr>
        <xdr:cNvSpPr txBox="1"/>
      </xdr:nvSpPr>
      <xdr:spPr bwMode="auto">
        <a:xfrm>
          <a:off x="6352989" y="1200150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16" name="Text Box 15">
          <a:extLst>
            <a:ext uri="{FF2B5EF4-FFF2-40B4-BE49-F238E27FC236}">
              <a16:creationId xmlns:a16="http://schemas.microsoft.com/office/drawing/2014/main" id="{2F3E7F5F-3AD0-42DB-A575-0D350585DBF4}"/>
            </a:ext>
          </a:extLst>
        </xdr:cNvPr>
        <xdr:cNvSpPr txBox="1"/>
      </xdr:nvSpPr>
      <xdr:spPr bwMode="auto">
        <a:xfrm>
          <a:off x="3427475" y="125158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17" name="Text Box 16">
          <a:extLst>
            <a:ext uri="{FF2B5EF4-FFF2-40B4-BE49-F238E27FC236}">
              <a16:creationId xmlns:a16="http://schemas.microsoft.com/office/drawing/2014/main" id="{AD544F93-FABB-45E0-A94D-078C6307E815}"/>
            </a:ext>
          </a:extLst>
        </xdr:cNvPr>
        <xdr:cNvSpPr txBox="1"/>
      </xdr:nvSpPr>
      <xdr:spPr bwMode="auto">
        <a:xfrm>
          <a:off x="1370930" y="125158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8" name="Text Box 17">
          <a:extLst>
            <a:ext uri="{FF2B5EF4-FFF2-40B4-BE49-F238E27FC236}">
              <a16:creationId xmlns:a16="http://schemas.microsoft.com/office/drawing/2014/main" id="{4CE6DEDB-E95E-4D1B-9D43-A6F0626E41CE}"/>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19" name="Text Box 18">
          <a:extLst>
            <a:ext uri="{FF2B5EF4-FFF2-40B4-BE49-F238E27FC236}">
              <a16:creationId xmlns:a16="http://schemas.microsoft.com/office/drawing/2014/main" id="{9ECDD244-520B-4EA7-BDEB-B419E9F66E4F}"/>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0" name="Text Box 19">
          <a:extLst>
            <a:ext uri="{FF2B5EF4-FFF2-40B4-BE49-F238E27FC236}">
              <a16:creationId xmlns:a16="http://schemas.microsoft.com/office/drawing/2014/main" id="{3E9535D2-B5D7-4D9B-A281-F40B86DBCEBD}"/>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21" name="Text Box 20">
          <a:extLst>
            <a:ext uri="{FF2B5EF4-FFF2-40B4-BE49-F238E27FC236}">
              <a16:creationId xmlns:a16="http://schemas.microsoft.com/office/drawing/2014/main" id="{972D620B-B0E3-4A10-BA24-18EC263C8B50}"/>
            </a:ext>
          </a:extLst>
        </xdr:cNvPr>
        <xdr:cNvSpPr txBox="1"/>
      </xdr:nvSpPr>
      <xdr:spPr bwMode="auto">
        <a:xfrm>
          <a:off x="9544" y="120015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22" name="Text Box 21">
          <a:extLst>
            <a:ext uri="{FF2B5EF4-FFF2-40B4-BE49-F238E27FC236}">
              <a16:creationId xmlns:a16="http://schemas.microsoft.com/office/drawing/2014/main" id="{77634C7C-DEEA-4F48-BFB7-40783803356F}"/>
            </a:ext>
          </a:extLst>
        </xdr:cNvPr>
        <xdr:cNvSpPr txBox="1"/>
      </xdr:nvSpPr>
      <xdr:spPr bwMode="auto">
        <a:xfrm>
          <a:off x="4486498" y="12001500"/>
          <a:ext cx="3137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23" name="Text Box 22">
          <a:extLst>
            <a:ext uri="{FF2B5EF4-FFF2-40B4-BE49-F238E27FC236}">
              <a16:creationId xmlns:a16="http://schemas.microsoft.com/office/drawing/2014/main" id="{15E9E2B3-3F77-4070-A790-3032D691E93F}"/>
            </a:ext>
          </a:extLst>
        </xdr:cNvPr>
        <xdr:cNvSpPr txBox="1"/>
      </xdr:nvSpPr>
      <xdr:spPr bwMode="auto">
        <a:xfrm>
          <a:off x="3427940" y="12515850"/>
          <a:ext cx="21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4" name="Text Box 23">
          <a:extLst>
            <a:ext uri="{FF2B5EF4-FFF2-40B4-BE49-F238E27FC236}">
              <a16:creationId xmlns:a16="http://schemas.microsoft.com/office/drawing/2014/main" id="{F48780B9-18FC-4E28-B59E-AA864B8F057D}"/>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5" name="Text Box 24">
          <a:extLst>
            <a:ext uri="{FF2B5EF4-FFF2-40B4-BE49-F238E27FC236}">
              <a16:creationId xmlns:a16="http://schemas.microsoft.com/office/drawing/2014/main" id="{E65630B2-A4F8-45FA-B827-B52DB5CE2241}"/>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26" name="Text Box 25">
          <a:extLst>
            <a:ext uri="{FF2B5EF4-FFF2-40B4-BE49-F238E27FC236}">
              <a16:creationId xmlns:a16="http://schemas.microsoft.com/office/drawing/2014/main" id="{4A27180E-5E56-4570-B2F5-27DF6761513C}"/>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27" name="Text Box 26">
          <a:extLst>
            <a:ext uri="{FF2B5EF4-FFF2-40B4-BE49-F238E27FC236}">
              <a16:creationId xmlns:a16="http://schemas.microsoft.com/office/drawing/2014/main" id="{DDEA59C6-C7A4-42A6-AA23-E05A7D16BD27}"/>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28" name="Text Box 27">
          <a:extLst>
            <a:ext uri="{FF2B5EF4-FFF2-40B4-BE49-F238E27FC236}">
              <a16:creationId xmlns:a16="http://schemas.microsoft.com/office/drawing/2014/main" id="{598221BC-5D6C-4E81-979F-B6042113B5E6}"/>
            </a:ext>
          </a:extLst>
        </xdr:cNvPr>
        <xdr:cNvSpPr txBox="1"/>
      </xdr:nvSpPr>
      <xdr:spPr bwMode="auto">
        <a:xfrm>
          <a:off x="9544" y="7886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29" name="Text Box 28">
          <a:extLst>
            <a:ext uri="{FF2B5EF4-FFF2-40B4-BE49-F238E27FC236}">
              <a16:creationId xmlns:a16="http://schemas.microsoft.com/office/drawing/2014/main" id="{4CD31C37-9144-4D66-8EFA-99AC72E542A5}"/>
            </a:ext>
          </a:extLst>
        </xdr:cNvPr>
        <xdr:cNvSpPr txBox="1"/>
      </xdr:nvSpPr>
      <xdr:spPr bwMode="auto">
        <a:xfrm>
          <a:off x="4113312" y="92583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0" name="Text Box 29">
          <a:extLst>
            <a:ext uri="{FF2B5EF4-FFF2-40B4-BE49-F238E27FC236}">
              <a16:creationId xmlns:a16="http://schemas.microsoft.com/office/drawing/2014/main" id="{6482898F-18C4-480E-A34C-8C82A98AD7C6}"/>
            </a:ext>
          </a:extLst>
        </xdr:cNvPr>
        <xdr:cNvSpPr txBox="1"/>
      </xdr:nvSpPr>
      <xdr:spPr bwMode="auto">
        <a:xfrm>
          <a:off x="4113312" y="92583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31" name="Text Box 30">
          <a:extLst>
            <a:ext uri="{FF2B5EF4-FFF2-40B4-BE49-F238E27FC236}">
              <a16:creationId xmlns:a16="http://schemas.microsoft.com/office/drawing/2014/main" id="{00034781-9805-42BB-B4B8-2BE0A4C6E2AA}"/>
            </a:ext>
          </a:extLst>
        </xdr:cNvPr>
        <xdr:cNvSpPr txBox="1"/>
      </xdr:nvSpPr>
      <xdr:spPr bwMode="auto">
        <a:xfrm>
          <a:off x="4113312" y="92583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32" name="Text Box 31">
          <a:extLst>
            <a:ext uri="{FF2B5EF4-FFF2-40B4-BE49-F238E27FC236}">
              <a16:creationId xmlns:a16="http://schemas.microsoft.com/office/drawing/2014/main" id="{D47C6F18-9490-470C-9D6B-63CC63F89CFF}"/>
            </a:ext>
          </a:extLst>
        </xdr:cNvPr>
        <xdr:cNvSpPr txBox="1"/>
      </xdr:nvSpPr>
      <xdr:spPr bwMode="auto">
        <a:xfrm>
          <a:off x="6352989" y="925830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33" name="Text Box 32">
          <a:extLst>
            <a:ext uri="{FF2B5EF4-FFF2-40B4-BE49-F238E27FC236}">
              <a16:creationId xmlns:a16="http://schemas.microsoft.com/office/drawing/2014/main" id="{BD968E63-2DD6-4427-AA22-30DEE33722CC}"/>
            </a:ext>
          </a:extLst>
        </xdr:cNvPr>
        <xdr:cNvSpPr txBox="1"/>
      </xdr:nvSpPr>
      <xdr:spPr bwMode="auto">
        <a:xfrm>
          <a:off x="3427475" y="118300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34" name="Text Box 33">
          <a:extLst>
            <a:ext uri="{FF2B5EF4-FFF2-40B4-BE49-F238E27FC236}">
              <a16:creationId xmlns:a16="http://schemas.microsoft.com/office/drawing/2014/main" id="{A5A5A601-254F-4B22-8C00-C13EF84E7A1D}"/>
            </a:ext>
          </a:extLst>
        </xdr:cNvPr>
        <xdr:cNvSpPr txBox="1"/>
      </xdr:nvSpPr>
      <xdr:spPr bwMode="auto">
        <a:xfrm>
          <a:off x="1370930" y="118300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5" name="Text Box 34">
          <a:extLst>
            <a:ext uri="{FF2B5EF4-FFF2-40B4-BE49-F238E27FC236}">
              <a16:creationId xmlns:a16="http://schemas.microsoft.com/office/drawing/2014/main" id="{77A626DA-4FE2-421F-9BBB-5EAD1290CC56}"/>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6" name="Text Box 35">
          <a:extLst>
            <a:ext uri="{FF2B5EF4-FFF2-40B4-BE49-F238E27FC236}">
              <a16:creationId xmlns:a16="http://schemas.microsoft.com/office/drawing/2014/main" id="{005B74AC-E541-438A-BB9D-415CEC343833}"/>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37" name="Text Box 36">
          <a:extLst>
            <a:ext uri="{FF2B5EF4-FFF2-40B4-BE49-F238E27FC236}">
              <a16:creationId xmlns:a16="http://schemas.microsoft.com/office/drawing/2014/main" id="{E53AA3B3-07C6-46FF-9F7F-D748107DA35C}"/>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38" name="Text Box 37">
          <a:extLst>
            <a:ext uri="{FF2B5EF4-FFF2-40B4-BE49-F238E27FC236}">
              <a16:creationId xmlns:a16="http://schemas.microsoft.com/office/drawing/2014/main" id="{7E4B7453-3B97-44C9-9993-B57B6B4100AD}"/>
            </a:ext>
          </a:extLst>
        </xdr:cNvPr>
        <xdr:cNvSpPr txBox="1"/>
      </xdr:nvSpPr>
      <xdr:spPr bwMode="auto">
        <a:xfrm>
          <a:off x="9544" y="9258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39" name="Text Box 38">
          <a:extLst>
            <a:ext uri="{FF2B5EF4-FFF2-40B4-BE49-F238E27FC236}">
              <a16:creationId xmlns:a16="http://schemas.microsoft.com/office/drawing/2014/main" id="{A3188703-35FB-4E6F-9758-0AE86B668096}"/>
            </a:ext>
          </a:extLst>
        </xdr:cNvPr>
        <xdr:cNvSpPr txBox="1"/>
      </xdr:nvSpPr>
      <xdr:spPr bwMode="auto">
        <a:xfrm>
          <a:off x="9544" y="118300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40" name="Rectangle 39">
          <a:extLst>
            <a:ext uri="{FF2B5EF4-FFF2-40B4-BE49-F238E27FC236}">
              <a16:creationId xmlns:a16="http://schemas.microsoft.com/office/drawing/2014/main" id="{8402EA0F-0437-4920-AD65-8DBDA2D3FF21}"/>
            </a:ext>
          </a:extLst>
        </xdr:cNvPr>
        <xdr:cNvSpPr>
          <a:spLocks noChangeArrowheads="1"/>
        </xdr:cNvSpPr>
      </xdr:nvSpPr>
      <xdr:spPr bwMode="auto">
        <a:xfrm>
          <a:off x="1371600" y="7372350"/>
          <a:ext cx="2743200" cy="11525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41" name="Text Box 40">
          <a:extLst>
            <a:ext uri="{FF2B5EF4-FFF2-40B4-BE49-F238E27FC236}">
              <a16:creationId xmlns:a16="http://schemas.microsoft.com/office/drawing/2014/main" id="{7F2A1980-8322-4CDD-99E7-31C512AE5F59}"/>
            </a:ext>
          </a:extLst>
        </xdr:cNvPr>
        <xdr:cNvSpPr txBox="1"/>
      </xdr:nvSpPr>
      <xdr:spPr bwMode="auto">
        <a:xfrm>
          <a:off x="9544" y="12515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2" name="Text Box 41">
          <a:extLst>
            <a:ext uri="{FF2B5EF4-FFF2-40B4-BE49-F238E27FC236}">
              <a16:creationId xmlns:a16="http://schemas.microsoft.com/office/drawing/2014/main" id="{24113F7C-B2C5-4A8D-AE4B-6D132F10079B}"/>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3" name="Text Box 42">
          <a:extLst>
            <a:ext uri="{FF2B5EF4-FFF2-40B4-BE49-F238E27FC236}">
              <a16:creationId xmlns:a16="http://schemas.microsoft.com/office/drawing/2014/main" id="{48BE7367-2A7E-4E3A-ABE1-D5A7E2D077B6}"/>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44" name="Text Box 43">
          <a:extLst>
            <a:ext uri="{FF2B5EF4-FFF2-40B4-BE49-F238E27FC236}">
              <a16:creationId xmlns:a16="http://schemas.microsoft.com/office/drawing/2014/main" id="{EC6F8091-9B26-4FFA-90E8-A62FFFF68D87}"/>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45" name="Text Box 44">
          <a:extLst>
            <a:ext uri="{FF2B5EF4-FFF2-40B4-BE49-F238E27FC236}">
              <a16:creationId xmlns:a16="http://schemas.microsoft.com/office/drawing/2014/main" id="{35AEEA0E-321D-4F6F-89C6-295181242254}"/>
            </a:ext>
          </a:extLst>
        </xdr:cNvPr>
        <xdr:cNvSpPr txBox="1"/>
      </xdr:nvSpPr>
      <xdr:spPr bwMode="auto">
        <a:xfrm>
          <a:off x="6352989" y="125158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46" name="Text Box 45">
          <a:extLst>
            <a:ext uri="{FF2B5EF4-FFF2-40B4-BE49-F238E27FC236}">
              <a16:creationId xmlns:a16="http://schemas.microsoft.com/office/drawing/2014/main" id="{217695C7-C46C-4CBE-B20D-249C55263B25}"/>
            </a:ext>
          </a:extLst>
        </xdr:cNvPr>
        <xdr:cNvSpPr txBox="1"/>
      </xdr:nvSpPr>
      <xdr:spPr bwMode="auto">
        <a:xfrm>
          <a:off x="3427475" y="128587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47" name="Text Box 46">
          <a:extLst>
            <a:ext uri="{FF2B5EF4-FFF2-40B4-BE49-F238E27FC236}">
              <a16:creationId xmlns:a16="http://schemas.microsoft.com/office/drawing/2014/main" id="{7E6BC2D7-E235-491B-88DD-EB8F16B1C4EA}"/>
            </a:ext>
          </a:extLst>
        </xdr:cNvPr>
        <xdr:cNvSpPr txBox="1"/>
      </xdr:nvSpPr>
      <xdr:spPr bwMode="auto">
        <a:xfrm>
          <a:off x="1370930" y="130302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8" name="Text Box 47">
          <a:extLst>
            <a:ext uri="{FF2B5EF4-FFF2-40B4-BE49-F238E27FC236}">
              <a16:creationId xmlns:a16="http://schemas.microsoft.com/office/drawing/2014/main" id="{19F56BB8-6503-4622-AC80-E43D6B83A4F5}"/>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49" name="Text Box 48">
          <a:extLst>
            <a:ext uri="{FF2B5EF4-FFF2-40B4-BE49-F238E27FC236}">
              <a16:creationId xmlns:a16="http://schemas.microsoft.com/office/drawing/2014/main" id="{BF26E780-7DBC-4F3A-A347-C734CD977C44}"/>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50" name="Text Box 49">
          <a:extLst>
            <a:ext uri="{FF2B5EF4-FFF2-40B4-BE49-F238E27FC236}">
              <a16:creationId xmlns:a16="http://schemas.microsoft.com/office/drawing/2014/main" id="{FB7FF166-258A-4597-B29E-4599D977816E}"/>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151" name="Text Box 50">
          <a:extLst>
            <a:ext uri="{FF2B5EF4-FFF2-40B4-BE49-F238E27FC236}">
              <a16:creationId xmlns:a16="http://schemas.microsoft.com/office/drawing/2014/main" id="{4C20E874-5A5E-48AC-A271-1A5A6FFBEA0C}"/>
            </a:ext>
          </a:extLst>
        </xdr:cNvPr>
        <xdr:cNvSpPr txBox="1"/>
      </xdr:nvSpPr>
      <xdr:spPr bwMode="auto">
        <a:xfrm>
          <a:off x="9544" y="12515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a:extLst>
            <a:ext uri="{FF2B5EF4-FFF2-40B4-BE49-F238E27FC236}">
              <a16:creationId xmlns:a16="http://schemas.microsoft.com/office/drawing/2014/main" id="{676FC2B8-B81C-4926-AB49-77E23EA52338}"/>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a:extLst>
            <a:ext uri="{FF2B5EF4-FFF2-40B4-BE49-F238E27FC236}">
              <a16:creationId xmlns:a16="http://schemas.microsoft.com/office/drawing/2014/main" id="{0FB852AA-3F3D-4F0F-B2BC-A857150D3041}"/>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a:extLst>
            <a:ext uri="{FF2B5EF4-FFF2-40B4-BE49-F238E27FC236}">
              <a16:creationId xmlns:a16="http://schemas.microsoft.com/office/drawing/2014/main" id="{722EA315-EA44-4350-8E9C-286F3F2A4900}"/>
            </a:ext>
          </a:extLst>
        </xdr:cNvPr>
        <xdr:cNvSpPr txBox="1"/>
      </xdr:nvSpPr>
      <xdr:spPr bwMode="auto">
        <a:xfrm>
          <a:off x="4113312" y="1714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a:extLst>
            <a:ext uri="{FF2B5EF4-FFF2-40B4-BE49-F238E27FC236}">
              <a16:creationId xmlns:a16="http://schemas.microsoft.com/office/drawing/2014/main" id="{72B3B4BF-9579-481C-A81E-7A3D25166A81}"/>
            </a:ext>
          </a:extLst>
        </xdr:cNvPr>
        <xdr:cNvSpPr txBox="1"/>
      </xdr:nvSpPr>
      <xdr:spPr bwMode="auto">
        <a:xfrm>
          <a:off x="6352989" y="1714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a:extLst>
            <a:ext uri="{FF2B5EF4-FFF2-40B4-BE49-F238E27FC236}">
              <a16:creationId xmlns:a16="http://schemas.microsoft.com/office/drawing/2014/main" id="{DF9CB9B2-F247-4B3A-A679-C6A9FF3D1C68}"/>
            </a:ext>
          </a:extLst>
        </xdr:cNvPr>
        <xdr:cNvSpPr txBox="1"/>
      </xdr:nvSpPr>
      <xdr:spPr bwMode="auto">
        <a:xfrm>
          <a:off x="3427475" y="1714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7" name="Text Box 7">
          <a:extLst>
            <a:ext uri="{FF2B5EF4-FFF2-40B4-BE49-F238E27FC236}">
              <a16:creationId xmlns:a16="http://schemas.microsoft.com/office/drawing/2014/main" id="{A5F2E1A0-BDD7-407F-A335-5A9063BFCEC7}"/>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8">
          <a:extLst>
            <a:ext uri="{FF2B5EF4-FFF2-40B4-BE49-F238E27FC236}">
              <a16:creationId xmlns:a16="http://schemas.microsoft.com/office/drawing/2014/main" id="{6E90BD1B-5F8C-43E2-9BD8-135C9D21BD35}"/>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9">
          <a:extLst>
            <a:ext uri="{FF2B5EF4-FFF2-40B4-BE49-F238E27FC236}">
              <a16:creationId xmlns:a16="http://schemas.microsoft.com/office/drawing/2014/main" id="{65DAD685-DB49-4D5C-A1BE-B9270583395F}"/>
            </a:ext>
          </a:extLst>
        </xdr:cNvPr>
        <xdr:cNvSpPr txBox="1"/>
      </xdr:nvSpPr>
      <xdr:spPr bwMode="auto">
        <a:xfrm>
          <a:off x="3430302" y="1714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0" name="Text Box 10">
          <a:extLst>
            <a:ext uri="{FF2B5EF4-FFF2-40B4-BE49-F238E27FC236}">
              <a16:creationId xmlns:a16="http://schemas.microsoft.com/office/drawing/2014/main" id="{D5834299-1CFA-45E7-937C-CAB7DF1E6CDD}"/>
            </a:ext>
          </a:extLst>
        </xdr:cNvPr>
        <xdr:cNvSpPr txBox="1"/>
      </xdr:nvSpPr>
      <xdr:spPr bwMode="auto">
        <a:xfrm>
          <a:off x="9544" y="1714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1" name="Text Box 11">
          <a:extLst>
            <a:ext uri="{FF2B5EF4-FFF2-40B4-BE49-F238E27FC236}">
              <a16:creationId xmlns:a16="http://schemas.microsoft.com/office/drawing/2014/main" id="{21A79A6C-27E3-4404-9358-2BA35A6F140D}"/>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2" name="Text Box 12">
          <a:extLst>
            <a:ext uri="{FF2B5EF4-FFF2-40B4-BE49-F238E27FC236}">
              <a16:creationId xmlns:a16="http://schemas.microsoft.com/office/drawing/2014/main" id="{DCB25CB2-338D-46FE-B5D2-576ECF9FDBCF}"/>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63" name="Text Box 13">
          <a:extLst>
            <a:ext uri="{FF2B5EF4-FFF2-40B4-BE49-F238E27FC236}">
              <a16:creationId xmlns:a16="http://schemas.microsoft.com/office/drawing/2014/main" id="{81687EBF-FF0B-4D70-B38D-C039BA2CB691}"/>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0</xdr:row>
      <xdr:rowOff>0</xdr:rowOff>
    </xdr:from>
    <xdr:to>
      <xdr:col>10</xdr:col>
      <xdr:colOff>323980</xdr:colOff>
      <xdr:row>70</xdr:row>
      <xdr:rowOff>0</xdr:rowOff>
    </xdr:to>
    <xdr:sp macro="" textlink="">
      <xdr:nvSpPr>
        <xdr:cNvPr id="164" name="Text Box 14">
          <a:extLst>
            <a:ext uri="{FF2B5EF4-FFF2-40B4-BE49-F238E27FC236}">
              <a16:creationId xmlns:a16="http://schemas.microsoft.com/office/drawing/2014/main" id="{B599B6B5-F524-4005-B21C-F1302A734147}"/>
            </a:ext>
          </a:extLst>
        </xdr:cNvPr>
        <xdr:cNvSpPr txBox="1"/>
      </xdr:nvSpPr>
      <xdr:spPr bwMode="auto">
        <a:xfrm>
          <a:off x="6352989" y="1200150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3</xdr:row>
      <xdr:rowOff>0</xdr:rowOff>
    </xdr:from>
    <xdr:to>
      <xdr:col>4</xdr:col>
      <xdr:colOff>2295097</xdr:colOff>
      <xdr:row>73</xdr:row>
      <xdr:rowOff>0</xdr:rowOff>
    </xdr:to>
    <xdr:sp macro="" textlink="">
      <xdr:nvSpPr>
        <xdr:cNvPr id="165" name="Text Box 15">
          <a:extLst>
            <a:ext uri="{FF2B5EF4-FFF2-40B4-BE49-F238E27FC236}">
              <a16:creationId xmlns:a16="http://schemas.microsoft.com/office/drawing/2014/main" id="{37EA101F-02D9-45A2-B3AB-945A4A0C5C6C}"/>
            </a:ext>
          </a:extLst>
        </xdr:cNvPr>
        <xdr:cNvSpPr txBox="1"/>
      </xdr:nvSpPr>
      <xdr:spPr bwMode="auto">
        <a:xfrm>
          <a:off x="3427475" y="125158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3</xdr:row>
      <xdr:rowOff>0</xdr:rowOff>
    </xdr:from>
    <xdr:to>
      <xdr:col>1</xdr:col>
      <xdr:colOff>1553394</xdr:colOff>
      <xdr:row>73</xdr:row>
      <xdr:rowOff>0</xdr:rowOff>
    </xdr:to>
    <xdr:sp macro="" textlink="">
      <xdr:nvSpPr>
        <xdr:cNvPr id="166" name="Text Box 16">
          <a:extLst>
            <a:ext uri="{FF2B5EF4-FFF2-40B4-BE49-F238E27FC236}">
              <a16:creationId xmlns:a16="http://schemas.microsoft.com/office/drawing/2014/main" id="{E4EEDEE8-DB04-4724-8458-F2FA37F9C4AD}"/>
            </a:ext>
          </a:extLst>
        </xdr:cNvPr>
        <xdr:cNvSpPr txBox="1"/>
      </xdr:nvSpPr>
      <xdr:spPr bwMode="auto">
        <a:xfrm>
          <a:off x="1370930" y="125158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7" name="Text Box 17">
          <a:extLst>
            <a:ext uri="{FF2B5EF4-FFF2-40B4-BE49-F238E27FC236}">
              <a16:creationId xmlns:a16="http://schemas.microsoft.com/office/drawing/2014/main" id="{ABF27705-C561-44A3-ACC6-0D5064B15839}"/>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8" name="Text Box 18">
          <a:extLst>
            <a:ext uri="{FF2B5EF4-FFF2-40B4-BE49-F238E27FC236}">
              <a16:creationId xmlns:a16="http://schemas.microsoft.com/office/drawing/2014/main" id="{04322BA9-1124-41A3-B8D9-D60E628D2DE2}"/>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69" name="Text Box 19">
          <a:extLst>
            <a:ext uri="{FF2B5EF4-FFF2-40B4-BE49-F238E27FC236}">
              <a16:creationId xmlns:a16="http://schemas.microsoft.com/office/drawing/2014/main" id="{AE9769E8-2F18-4C0B-BB5F-9494AA00DA3E}"/>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0</xdr:row>
      <xdr:rowOff>0</xdr:rowOff>
    </xdr:from>
    <xdr:to>
      <xdr:col>0</xdr:col>
      <xdr:colOff>180975</xdr:colOff>
      <xdr:row>70</xdr:row>
      <xdr:rowOff>0</xdr:rowOff>
    </xdr:to>
    <xdr:sp macro="" textlink="">
      <xdr:nvSpPr>
        <xdr:cNvPr id="170" name="Text Box 20">
          <a:extLst>
            <a:ext uri="{FF2B5EF4-FFF2-40B4-BE49-F238E27FC236}">
              <a16:creationId xmlns:a16="http://schemas.microsoft.com/office/drawing/2014/main" id="{4C4369BB-70FE-4C03-A5B4-44BEE5F95F9F}"/>
            </a:ext>
          </a:extLst>
        </xdr:cNvPr>
        <xdr:cNvSpPr txBox="1"/>
      </xdr:nvSpPr>
      <xdr:spPr bwMode="auto">
        <a:xfrm>
          <a:off x="9544" y="120015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70</xdr:row>
      <xdr:rowOff>0</xdr:rowOff>
    </xdr:from>
    <xdr:to>
      <xdr:col>6</xdr:col>
      <xdr:colOff>942640</xdr:colOff>
      <xdr:row>70</xdr:row>
      <xdr:rowOff>0</xdr:rowOff>
    </xdr:to>
    <xdr:sp macro="" textlink="">
      <xdr:nvSpPr>
        <xdr:cNvPr id="171" name="Text Box 21">
          <a:extLst>
            <a:ext uri="{FF2B5EF4-FFF2-40B4-BE49-F238E27FC236}">
              <a16:creationId xmlns:a16="http://schemas.microsoft.com/office/drawing/2014/main" id="{E7D081FA-9C23-4700-8EB4-7A9C0C07EB54}"/>
            </a:ext>
          </a:extLst>
        </xdr:cNvPr>
        <xdr:cNvSpPr txBox="1"/>
      </xdr:nvSpPr>
      <xdr:spPr bwMode="auto">
        <a:xfrm>
          <a:off x="4486498" y="12001500"/>
          <a:ext cx="3137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73</xdr:row>
      <xdr:rowOff>0</xdr:rowOff>
    </xdr:from>
    <xdr:to>
      <xdr:col>4</xdr:col>
      <xdr:colOff>2248998</xdr:colOff>
      <xdr:row>73</xdr:row>
      <xdr:rowOff>0</xdr:rowOff>
    </xdr:to>
    <xdr:sp macro="" textlink="">
      <xdr:nvSpPr>
        <xdr:cNvPr id="172" name="Text Box 22">
          <a:extLst>
            <a:ext uri="{FF2B5EF4-FFF2-40B4-BE49-F238E27FC236}">
              <a16:creationId xmlns:a16="http://schemas.microsoft.com/office/drawing/2014/main" id="{2670E31A-8FEE-4448-B95A-AD6ACE257F1D}"/>
            </a:ext>
          </a:extLst>
        </xdr:cNvPr>
        <xdr:cNvSpPr txBox="1"/>
      </xdr:nvSpPr>
      <xdr:spPr bwMode="auto">
        <a:xfrm>
          <a:off x="3427940" y="12515850"/>
          <a:ext cx="21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3" name="Text Box 23">
          <a:extLst>
            <a:ext uri="{FF2B5EF4-FFF2-40B4-BE49-F238E27FC236}">
              <a16:creationId xmlns:a16="http://schemas.microsoft.com/office/drawing/2014/main" id="{7778C6E2-FDBA-4FC1-9D9F-A53A32963AC5}"/>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4" name="Text Box 24">
          <a:extLst>
            <a:ext uri="{FF2B5EF4-FFF2-40B4-BE49-F238E27FC236}">
              <a16:creationId xmlns:a16="http://schemas.microsoft.com/office/drawing/2014/main" id="{26061FA9-25B9-488F-9505-4C113BC142B2}"/>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0</xdr:row>
      <xdr:rowOff>0</xdr:rowOff>
    </xdr:from>
    <xdr:to>
      <xdr:col>6</xdr:col>
      <xdr:colOff>467134</xdr:colOff>
      <xdr:row>70</xdr:row>
      <xdr:rowOff>0</xdr:rowOff>
    </xdr:to>
    <xdr:sp macro="" textlink="">
      <xdr:nvSpPr>
        <xdr:cNvPr id="175" name="Text Box 25">
          <a:extLst>
            <a:ext uri="{FF2B5EF4-FFF2-40B4-BE49-F238E27FC236}">
              <a16:creationId xmlns:a16="http://schemas.microsoft.com/office/drawing/2014/main" id="{4CBA2FDC-F6EA-4EE2-ACEF-C4B9C8422C47}"/>
            </a:ext>
          </a:extLst>
        </xdr:cNvPr>
        <xdr:cNvSpPr txBox="1"/>
      </xdr:nvSpPr>
      <xdr:spPr bwMode="auto">
        <a:xfrm>
          <a:off x="4113312" y="120015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3</xdr:row>
      <xdr:rowOff>0</xdr:rowOff>
    </xdr:from>
    <xdr:to>
      <xdr:col>4</xdr:col>
      <xdr:colOff>2370832</xdr:colOff>
      <xdr:row>73</xdr:row>
      <xdr:rowOff>0</xdr:rowOff>
    </xdr:to>
    <xdr:sp macro="" textlink="">
      <xdr:nvSpPr>
        <xdr:cNvPr id="176" name="Text Box 26">
          <a:extLst>
            <a:ext uri="{FF2B5EF4-FFF2-40B4-BE49-F238E27FC236}">
              <a16:creationId xmlns:a16="http://schemas.microsoft.com/office/drawing/2014/main" id="{D5F40C23-F32C-49F1-B2B0-DF49322B9306}"/>
            </a:ext>
          </a:extLst>
        </xdr:cNvPr>
        <xdr:cNvSpPr txBox="1"/>
      </xdr:nvSpPr>
      <xdr:spPr bwMode="auto">
        <a:xfrm>
          <a:off x="3430302" y="125158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6</xdr:row>
      <xdr:rowOff>0</xdr:rowOff>
    </xdr:from>
    <xdr:to>
      <xdr:col>0</xdr:col>
      <xdr:colOff>180975</xdr:colOff>
      <xdr:row>46</xdr:row>
      <xdr:rowOff>0</xdr:rowOff>
    </xdr:to>
    <xdr:sp macro="" textlink="">
      <xdr:nvSpPr>
        <xdr:cNvPr id="177" name="Text Box 27">
          <a:extLst>
            <a:ext uri="{FF2B5EF4-FFF2-40B4-BE49-F238E27FC236}">
              <a16:creationId xmlns:a16="http://schemas.microsoft.com/office/drawing/2014/main" id="{5E91DDBB-D235-40CA-9259-8F5C4A7281E7}"/>
            </a:ext>
          </a:extLst>
        </xdr:cNvPr>
        <xdr:cNvSpPr txBox="1"/>
      </xdr:nvSpPr>
      <xdr:spPr bwMode="auto">
        <a:xfrm>
          <a:off x="9544" y="7886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8" name="Text Box 28">
          <a:extLst>
            <a:ext uri="{FF2B5EF4-FFF2-40B4-BE49-F238E27FC236}">
              <a16:creationId xmlns:a16="http://schemas.microsoft.com/office/drawing/2014/main" id="{CC449B5B-3224-4390-8905-41971B3AB580}"/>
            </a:ext>
          </a:extLst>
        </xdr:cNvPr>
        <xdr:cNvSpPr txBox="1"/>
      </xdr:nvSpPr>
      <xdr:spPr bwMode="auto">
        <a:xfrm>
          <a:off x="4113312" y="92583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79" name="Text Box 29">
          <a:extLst>
            <a:ext uri="{FF2B5EF4-FFF2-40B4-BE49-F238E27FC236}">
              <a16:creationId xmlns:a16="http://schemas.microsoft.com/office/drawing/2014/main" id="{43565ED6-E593-444B-9CD3-BC5777819E46}"/>
            </a:ext>
          </a:extLst>
        </xdr:cNvPr>
        <xdr:cNvSpPr txBox="1"/>
      </xdr:nvSpPr>
      <xdr:spPr bwMode="auto">
        <a:xfrm>
          <a:off x="4113312" y="92583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4</xdr:row>
      <xdr:rowOff>0</xdr:rowOff>
    </xdr:from>
    <xdr:to>
      <xdr:col>6</xdr:col>
      <xdr:colOff>467134</xdr:colOff>
      <xdr:row>54</xdr:row>
      <xdr:rowOff>0</xdr:rowOff>
    </xdr:to>
    <xdr:sp macro="" textlink="">
      <xdr:nvSpPr>
        <xdr:cNvPr id="180" name="Text Box 30">
          <a:extLst>
            <a:ext uri="{FF2B5EF4-FFF2-40B4-BE49-F238E27FC236}">
              <a16:creationId xmlns:a16="http://schemas.microsoft.com/office/drawing/2014/main" id="{A5E25DAB-672E-4FAE-A594-29D34109A9CF}"/>
            </a:ext>
          </a:extLst>
        </xdr:cNvPr>
        <xdr:cNvSpPr txBox="1"/>
      </xdr:nvSpPr>
      <xdr:spPr bwMode="auto">
        <a:xfrm>
          <a:off x="4113312" y="925830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4</xdr:row>
      <xdr:rowOff>0</xdr:rowOff>
    </xdr:from>
    <xdr:to>
      <xdr:col>10</xdr:col>
      <xdr:colOff>323980</xdr:colOff>
      <xdr:row>54</xdr:row>
      <xdr:rowOff>0</xdr:rowOff>
    </xdr:to>
    <xdr:sp macro="" textlink="">
      <xdr:nvSpPr>
        <xdr:cNvPr id="181" name="Text Box 31">
          <a:extLst>
            <a:ext uri="{FF2B5EF4-FFF2-40B4-BE49-F238E27FC236}">
              <a16:creationId xmlns:a16="http://schemas.microsoft.com/office/drawing/2014/main" id="{30E74E7E-0BA9-4753-ACD8-1A576216558C}"/>
            </a:ext>
          </a:extLst>
        </xdr:cNvPr>
        <xdr:cNvSpPr txBox="1"/>
      </xdr:nvSpPr>
      <xdr:spPr bwMode="auto">
        <a:xfrm>
          <a:off x="6352989" y="925830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9</xdr:row>
      <xdr:rowOff>0</xdr:rowOff>
    </xdr:from>
    <xdr:to>
      <xdr:col>4</xdr:col>
      <xdr:colOff>2295097</xdr:colOff>
      <xdr:row>69</xdr:row>
      <xdr:rowOff>0</xdr:rowOff>
    </xdr:to>
    <xdr:sp macro="" textlink="">
      <xdr:nvSpPr>
        <xdr:cNvPr id="182" name="Text Box 32">
          <a:extLst>
            <a:ext uri="{FF2B5EF4-FFF2-40B4-BE49-F238E27FC236}">
              <a16:creationId xmlns:a16="http://schemas.microsoft.com/office/drawing/2014/main" id="{DABC89EA-915B-4FF5-B55D-BA3E94097E22}"/>
            </a:ext>
          </a:extLst>
        </xdr:cNvPr>
        <xdr:cNvSpPr txBox="1"/>
      </xdr:nvSpPr>
      <xdr:spPr bwMode="auto">
        <a:xfrm>
          <a:off x="3427475" y="118300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9</xdr:row>
      <xdr:rowOff>0</xdr:rowOff>
    </xdr:from>
    <xdr:to>
      <xdr:col>1</xdr:col>
      <xdr:colOff>1553394</xdr:colOff>
      <xdr:row>69</xdr:row>
      <xdr:rowOff>0</xdr:rowOff>
    </xdr:to>
    <xdr:sp macro="" textlink="">
      <xdr:nvSpPr>
        <xdr:cNvPr id="183" name="Text Box 33">
          <a:extLst>
            <a:ext uri="{FF2B5EF4-FFF2-40B4-BE49-F238E27FC236}">
              <a16:creationId xmlns:a16="http://schemas.microsoft.com/office/drawing/2014/main" id="{0A2C6F4B-11B0-452E-95AB-8A781177FD62}"/>
            </a:ext>
          </a:extLst>
        </xdr:cNvPr>
        <xdr:cNvSpPr txBox="1"/>
      </xdr:nvSpPr>
      <xdr:spPr bwMode="auto">
        <a:xfrm>
          <a:off x="1370930" y="1183005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4" name="Text Box 34">
          <a:extLst>
            <a:ext uri="{FF2B5EF4-FFF2-40B4-BE49-F238E27FC236}">
              <a16:creationId xmlns:a16="http://schemas.microsoft.com/office/drawing/2014/main" id="{FC751395-7462-4378-A89C-3DE1AF9B6677}"/>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5" name="Text Box 35">
          <a:extLst>
            <a:ext uri="{FF2B5EF4-FFF2-40B4-BE49-F238E27FC236}">
              <a16:creationId xmlns:a16="http://schemas.microsoft.com/office/drawing/2014/main" id="{2A865AD0-FA30-40CE-84A9-CB94F1666B19}"/>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9</xdr:row>
      <xdr:rowOff>0</xdr:rowOff>
    </xdr:from>
    <xdr:to>
      <xdr:col>4</xdr:col>
      <xdr:colOff>2370832</xdr:colOff>
      <xdr:row>69</xdr:row>
      <xdr:rowOff>0</xdr:rowOff>
    </xdr:to>
    <xdr:sp macro="" textlink="">
      <xdr:nvSpPr>
        <xdr:cNvPr id="186" name="Text Box 36">
          <a:extLst>
            <a:ext uri="{FF2B5EF4-FFF2-40B4-BE49-F238E27FC236}">
              <a16:creationId xmlns:a16="http://schemas.microsoft.com/office/drawing/2014/main" id="{F1D8F692-2C66-4608-A2E5-F8978221E31D}"/>
            </a:ext>
          </a:extLst>
        </xdr:cNvPr>
        <xdr:cNvSpPr txBox="1"/>
      </xdr:nvSpPr>
      <xdr:spPr bwMode="auto">
        <a:xfrm>
          <a:off x="3430302" y="118300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4</xdr:row>
      <xdr:rowOff>0</xdr:rowOff>
    </xdr:from>
    <xdr:to>
      <xdr:col>0</xdr:col>
      <xdr:colOff>180975</xdr:colOff>
      <xdr:row>54</xdr:row>
      <xdr:rowOff>0</xdr:rowOff>
    </xdr:to>
    <xdr:sp macro="" textlink="">
      <xdr:nvSpPr>
        <xdr:cNvPr id="187" name="Text Box 37">
          <a:extLst>
            <a:ext uri="{FF2B5EF4-FFF2-40B4-BE49-F238E27FC236}">
              <a16:creationId xmlns:a16="http://schemas.microsoft.com/office/drawing/2014/main" id="{3C3FBC52-E57D-4887-86DB-044B0BC141B0}"/>
            </a:ext>
          </a:extLst>
        </xdr:cNvPr>
        <xdr:cNvSpPr txBox="1"/>
      </xdr:nvSpPr>
      <xdr:spPr bwMode="auto">
        <a:xfrm>
          <a:off x="9544" y="9258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9</xdr:row>
      <xdr:rowOff>0</xdr:rowOff>
    </xdr:from>
    <xdr:to>
      <xdr:col>0</xdr:col>
      <xdr:colOff>180975</xdr:colOff>
      <xdr:row>69</xdr:row>
      <xdr:rowOff>0</xdr:rowOff>
    </xdr:to>
    <xdr:sp macro="" textlink="">
      <xdr:nvSpPr>
        <xdr:cNvPr id="188" name="Text Box 38">
          <a:extLst>
            <a:ext uri="{FF2B5EF4-FFF2-40B4-BE49-F238E27FC236}">
              <a16:creationId xmlns:a16="http://schemas.microsoft.com/office/drawing/2014/main" id="{6A1FC613-D5D4-46C3-BDA1-C4A54CA7E290}"/>
            </a:ext>
          </a:extLst>
        </xdr:cNvPr>
        <xdr:cNvSpPr txBox="1"/>
      </xdr:nvSpPr>
      <xdr:spPr bwMode="auto">
        <a:xfrm>
          <a:off x="9544" y="118300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42</xdr:row>
      <xdr:rowOff>180975</xdr:rowOff>
    </xdr:from>
    <xdr:to>
      <xdr:col>5</xdr:col>
      <xdr:colOff>3124200</xdr:colOff>
      <xdr:row>49</xdr:row>
      <xdr:rowOff>123825</xdr:rowOff>
    </xdr:to>
    <xdr:sp macro="" textlink="">
      <xdr:nvSpPr>
        <xdr:cNvPr id="189" name="Rectangle 39">
          <a:extLst>
            <a:ext uri="{FF2B5EF4-FFF2-40B4-BE49-F238E27FC236}">
              <a16:creationId xmlns:a16="http://schemas.microsoft.com/office/drawing/2014/main" id="{E1B1930E-18B0-4813-9288-C9E59E6065CD}"/>
            </a:ext>
          </a:extLst>
        </xdr:cNvPr>
        <xdr:cNvSpPr>
          <a:spLocks noChangeArrowheads="1"/>
        </xdr:cNvSpPr>
      </xdr:nvSpPr>
      <xdr:spPr bwMode="auto">
        <a:xfrm>
          <a:off x="1371600" y="7372350"/>
          <a:ext cx="2743200" cy="115252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73</xdr:row>
      <xdr:rowOff>0</xdr:rowOff>
    </xdr:from>
    <xdr:to>
      <xdr:col>0</xdr:col>
      <xdr:colOff>180975</xdr:colOff>
      <xdr:row>73</xdr:row>
      <xdr:rowOff>0</xdr:rowOff>
    </xdr:to>
    <xdr:sp macro="" textlink="">
      <xdr:nvSpPr>
        <xdr:cNvPr id="190" name="Text Box 40">
          <a:extLst>
            <a:ext uri="{FF2B5EF4-FFF2-40B4-BE49-F238E27FC236}">
              <a16:creationId xmlns:a16="http://schemas.microsoft.com/office/drawing/2014/main" id="{D2ADFE8B-A0AD-4505-8C54-8C2EEDB8C5F3}"/>
            </a:ext>
          </a:extLst>
        </xdr:cNvPr>
        <xdr:cNvSpPr txBox="1"/>
      </xdr:nvSpPr>
      <xdr:spPr bwMode="auto">
        <a:xfrm>
          <a:off x="9544" y="12515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1" name="Text Box 41">
          <a:extLst>
            <a:ext uri="{FF2B5EF4-FFF2-40B4-BE49-F238E27FC236}">
              <a16:creationId xmlns:a16="http://schemas.microsoft.com/office/drawing/2014/main" id="{9D423C1A-2360-4AD2-99ED-165C0B0A6287}"/>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2" name="Text Box 42">
          <a:extLst>
            <a:ext uri="{FF2B5EF4-FFF2-40B4-BE49-F238E27FC236}">
              <a16:creationId xmlns:a16="http://schemas.microsoft.com/office/drawing/2014/main" id="{D964C2BF-2876-4DB6-9052-29DEEF60D08B}"/>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73</xdr:row>
      <xdr:rowOff>0</xdr:rowOff>
    </xdr:from>
    <xdr:to>
      <xdr:col>6</xdr:col>
      <xdr:colOff>467134</xdr:colOff>
      <xdr:row>73</xdr:row>
      <xdr:rowOff>0</xdr:rowOff>
    </xdr:to>
    <xdr:sp macro="" textlink="">
      <xdr:nvSpPr>
        <xdr:cNvPr id="193" name="Text Box 43">
          <a:extLst>
            <a:ext uri="{FF2B5EF4-FFF2-40B4-BE49-F238E27FC236}">
              <a16:creationId xmlns:a16="http://schemas.microsoft.com/office/drawing/2014/main" id="{35E6F250-2982-49FC-B05C-7F772A5C20C9}"/>
            </a:ext>
          </a:extLst>
        </xdr:cNvPr>
        <xdr:cNvSpPr txBox="1"/>
      </xdr:nvSpPr>
      <xdr:spPr bwMode="auto">
        <a:xfrm>
          <a:off x="4113312" y="12515850"/>
          <a:ext cx="46862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73</xdr:row>
      <xdr:rowOff>0</xdr:rowOff>
    </xdr:from>
    <xdr:to>
      <xdr:col>10</xdr:col>
      <xdr:colOff>323980</xdr:colOff>
      <xdr:row>73</xdr:row>
      <xdr:rowOff>0</xdr:rowOff>
    </xdr:to>
    <xdr:sp macro="" textlink="">
      <xdr:nvSpPr>
        <xdr:cNvPr id="194" name="Text Box 44">
          <a:extLst>
            <a:ext uri="{FF2B5EF4-FFF2-40B4-BE49-F238E27FC236}">
              <a16:creationId xmlns:a16="http://schemas.microsoft.com/office/drawing/2014/main" id="{44456336-C93E-42EC-A0B4-B95757A2B51C}"/>
            </a:ext>
          </a:extLst>
        </xdr:cNvPr>
        <xdr:cNvSpPr txBox="1"/>
      </xdr:nvSpPr>
      <xdr:spPr bwMode="auto">
        <a:xfrm>
          <a:off x="6352989" y="12515850"/>
          <a:ext cx="82899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75</xdr:row>
      <xdr:rowOff>0</xdr:rowOff>
    </xdr:from>
    <xdr:to>
      <xdr:col>4</xdr:col>
      <xdr:colOff>2295097</xdr:colOff>
      <xdr:row>75</xdr:row>
      <xdr:rowOff>0</xdr:rowOff>
    </xdr:to>
    <xdr:sp macro="" textlink="">
      <xdr:nvSpPr>
        <xdr:cNvPr id="195" name="Text Box 45">
          <a:extLst>
            <a:ext uri="{FF2B5EF4-FFF2-40B4-BE49-F238E27FC236}">
              <a16:creationId xmlns:a16="http://schemas.microsoft.com/office/drawing/2014/main" id="{8AC5B89A-80CE-45A3-AA17-00EC4BB202D2}"/>
            </a:ext>
          </a:extLst>
        </xdr:cNvPr>
        <xdr:cNvSpPr txBox="1"/>
      </xdr:nvSpPr>
      <xdr:spPr bwMode="auto">
        <a:xfrm>
          <a:off x="3427475" y="1285875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76</xdr:row>
      <xdr:rowOff>0</xdr:rowOff>
    </xdr:from>
    <xdr:to>
      <xdr:col>1</xdr:col>
      <xdr:colOff>1553394</xdr:colOff>
      <xdr:row>76</xdr:row>
      <xdr:rowOff>0</xdr:rowOff>
    </xdr:to>
    <xdr:sp macro="" textlink="">
      <xdr:nvSpPr>
        <xdr:cNvPr id="196" name="Text Box 46">
          <a:extLst>
            <a:ext uri="{FF2B5EF4-FFF2-40B4-BE49-F238E27FC236}">
              <a16:creationId xmlns:a16="http://schemas.microsoft.com/office/drawing/2014/main" id="{223DA54C-7BC7-464E-82A3-D5E73ABEA4EC}"/>
            </a:ext>
          </a:extLst>
        </xdr:cNvPr>
        <xdr:cNvSpPr txBox="1"/>
      </xdr:nvSpPr>
      <xdr:spPr bwMode="auto">
        <a:xfrm>
          <a:off x="1370930" y="130302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7" name="Text Box 47">
          <a:extLst>
            <a:ext uri="{FF2B5EF4-FFF2-40B4-BE49-F238E27FC236}">
              <a16:creationId xmlns:a16="http://schemas.microsoft.com/office/drawing/2014/main" id="{D90770DB-DAA9-4352-A579-8197BF4AAE89}"/>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8" name="Text Box 48">
          <a:extLst>
            <a:ext uri="{FF2B5EF4-FFF2-40B4-BE49-F238E27FC236}">
              <a16:creationId xmlns:a16="http://schemas.microsoft.com/office/drawing/2014/main" id="{26D77E4F-43C3-4A07-A6AB-8524E3F19498}"/>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75</xdr:row>
      <xdr:rowOff>0</xdr:rowOff>
    </xdr:from>
    <xdr:to>
      <xdr:col>4</xdr:col>
      <xdr:colOff>2370832</xdr:colOff>
      <xdr:row>75</xdr:row>
      <xdr:rowOff>0</xdr:rowOff>
    </xdr:to>
    <xdr:sp macro="" textlink="">
      <xdr:nvSpPr>
        <xdr:cNvPr id="199" name="Text Box 49">
          <a:extLst>
            <a:ext uri="{FF2B5EF4-FFF2-40B4-BE49-F238E27FC236}">
              <a16:creationId xmlns:a16="http://schemas.microsoft.com/office/drawing/2014/main" id="{2999E6A1-E57F-4B32-9989-558189741B5E}"/>
            </a:ext>
          </a:extLst>
        </xdr:cNvPr>
        <xdr:cNvSpPr txBox="1"/>
      </xdr:nvSpPr>
      <xdr:spPr bwMode="auto">
        <a:xfrm>
          <a:off x="3430302" y="1285875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73</xdr:row>
      <xdr:rowOff>0</xdr:rowOff>
    </xdr:from>
    <xdr:to>
      <xdr:col>0</xdr:col>
      <xdr:colOff>180975</xdr:colOff>
      <xdr:row>73</xdr:row>
      <xdr:rowOff>0</xdr:rowOff>
    </xdr:to>
    <xdr:sp macro="" textlink="">
      <xdr:nvSpPr>
        <xdr:cNvPr id="200" name="Text Box 50">
          <a:extLst>
            <a:ext uri="{FF2B5EF4-FFF2-40B4-BE49-F238E27FC236}">
              <a16:creationId xmlns:a16="http://schemas.microsoft.com/office/drawing/2014/main" id="{2F510643-D3B0-4453-9B2B-278E1C600246}"/>
            </a:ext>
          </a:extLst>
        </xdr:cNvPr>
        <xdr:cNvSpPr txBox="1"/>
      </xdr:nvSpPr>
      <xdr:spPr bwMode="auto">
        <a:xfrm>
          <a:off x="9544" y="12515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63FCF7-D994-427E-B3EA-595488255B91}">
  <sheetPr>
    <pageSetUpPr fitToPage="1"/>
  </sheetPr>
  <dimension ref="A1:AF20"/>
  <sheetViews>
    <sheetView tabSelected="1" view="pageBreakPreview" zoomScale="85" zoomScaleNormal="85" zoomScaleSheetLayoutView="85" workbookViewId="0">
      <selection activeCell="F13" sqref="F13"/>
    </sheetView>
  </sheetViews>
  <sheetFormatPr defaultRowHeight="13.5" x14ac:dyDescent="0.4"/>
  <cols>
    <col min="1" max="2" width="4.25" style="71" customWidth="1"/>
    <col min="3" max="3" width="25" style="3" customWidth="1"/>
    <col min="4" max="4" width="4.875" style="3" customWidth="1"/>
    <col min="5" max="5" width="41.625" style="3" customWidth="1"/>
    <col min="6" max="6" width="4.875" style="3" customWidth="1"/>
    <col min="7" max="7" width="19.625" style="3" customWidth="1"/>
    <col min="8" max="8" width="33.875" style="3" customWidth="1"/>
    <col min="9" max="23" width="4.875" style="3" customWidth="1"/>
    <col min="24" max="24" width="5.5" style="3" customWidth="1"/>
    <col min="25" max="29" width="4.875" style="3" customWidth="1"/>
    <col min="30" max="30" width="9.375" style="3" bestFit="1" customWidth="1"/>
    <col min="31" max="32" width="4.875" style="3" customWidth="1"/>
    <col min="33" max="16384" width="9" style="3"/>
  </cols>
  <sheetData>
    <row r="1" spans="1:32" x14ac:dyDescent="0.4">
      <c r="A1" s="1"/>
      <c r="B1" s="1"/>
      <c r="C1" s="2"/>
      <c r="D1" s="2"/>
      <c r="E1" s="2"/>
      <c r="F1" s="2"/>
      <c r="G1" s="2"/>
      <c r="H1" s="2"/>
      <c r="I1" s="2"/>
      <c r="J1" s="2"/>
      <c r="K1" s="2"/>
      <c r="L1" s="2"/>
      <c r="M1" s="2"/>
      <c r="N1" s="2"/>
      <c r="O1" s="2"/>
      <c r="P1" s="2"/>
      <c r="Q1" s="2"/>
      <c r="R1" s="2"/>
      <c r="S1" s="2"/>
      <c r="T1" s="2"/>
      <c r="U1" s="2"/>
      <c r="V1" s="2"/>
      <c r="W1" s="2"/>
      <c r="X1" s="2"/>
      <c r="Y1" s="2"/>
      <c r="Z1" s="2"/>
      <c r="AA1" s="2"/>
      <c r="AB1" s="2"/>
      <c r="AC1" s="2"/>
      <c r="AD1" s="2"/>
      <c r="AE1" s="2"/>
      <c r="AF1" s="2"/>
    </row>
    <row r="2" spans="1:32" ht="20.25" customHeight="1" x14ac:dyDescent="0.4">
      <c r="A2" s="4" t="s">
        <v>0</v>
      </c>
      <c r="B2" s="5"/>
      <c r="C2" s="2"/>
      <c r="D2" s="2"/>
      <c r="E2" s="2"/>
      <c r="F2" s="2"/>
      <c r="G2" s="2"/>
      <c r="H2" s="2"/>
      <c r="I2" s="2"/>
      <c r="J2" s="2"/>
      <c r="K2" s="2"/>
      <c r="L2" s="2"/>
      <c r="M2" s="2"/>
      <c r="N2" s="2"/>
      <c r="O2" s="2"/>
      <c r="P2" s="2"/>
      <c r="Q2" s="2"/>
      <c r="R2" s="2"/>
      <c r="S2" s="2"/>
      <c r="T2" s="2"/>
      <c r="U2" s="2"/>
      <c r="V2" s="2"/>
      <c r="W2" s="2"/>
      <c r="X2" s="2"/>
      <c r="Y2" s="2"/>
      <c r="Z2" s="2"/>
      <c r="AA2" s="2"/>
      <c r="AB2" s="2"/>
      <c r="AC2" s="2"/>
      <c r="AD2" s="2"/>
      <c r="AE2" s="2"/>
      <c r="AF2" s="2"/>
    </row>
    <row r="3" spans="1:32" ht="20.25" customHeight="1" x14ac:dyDescent="0.4">
      <c r="A3" s="105" t="s">
        <v>1</v>
      </c>
      <c r="B3" s="105"/>
      <c r="C3" s="105"/>
      <c r="D3" s="105"/>
      <c r="E3" s="105"/>
      <c r="F3" s="105"/>
      <c r="G3" s="105"/>
      <c r="H3" s="105"/>
      <c r="I3" s="105"/>
      <c r="J3" s="105"/>
      <c r="K3" s="105"/>
      <c r="L3" s="105"/>
      <c r="M3" s="105"/>
      <c r="N3" s="105"/>
      <c r="O3" s="105"/>
      <c r="P3" s="105"/>
      <c r="Q3" s="105"/>
      <c r="R3" s="105"/>
      <c r="S3" s="105"/>
      <c r="T3" s="105"/>
      <c r="U3" s="105"/>
      <c r="V3" s="105"/>
      <c r="W3" s="105"/>
      <c r="X3" s="105"/>
      <c r="Y3" s="105"/>
      <c r="Z3" s="105"/>
      <c r="AA3" s="105"/>
      <c r="AB3" s="105"/>
      <c r="AC3" s="105"/>
      <c r="AD3" s="105"/>
      <c r="AE3" s="105"/>
      <c r="AF3" s="105"/>
    </row>
    <row r="4" spans="1:32" ht="20.25" customHeight="1" x14ac:dyDescent="0.4">
      <c r="A4" s="1"/>
      <c r="B4" s="1"/>
      <c r="C4" s="2"/>
      <c r="D4" s="2"/>
      <c r="E4" s="2"/>
      <c r="F4" s="2"/>
      <c r="G4" s="2"/>
      <c r="H4" s="2"/>
      <c r="I4" s="2"/>
      <c r="J4" s="2"/>
      <c r="K4" s="2"/>
      <c r="L4" s="2"/>
      <c r="M4" s="2"/>
      <c r="N4" s="2"/>
      <c r="O4" s="2"/>
      <c r="P4" s="2"/>
      <c r="Q4" s="2"/>
      <c r="R4" s="2"/>
      <c r="S4" s="2"/>
      <c r="T4" s="2"/>
      <c r="U4" s="2"/>
      <c r="V4" s="2"/>
      <c r="W4" s="2"/>
      <c r="X4" s="2"/>
      <c r="Y4" s="2"/>
      <c r="Z4" s="2"/>
      <c r="AA4" s="2"/>
      <c r="AB4" s="2"/>
      <c r="AC4" s="2"/>
      <c r="AD4" s="2"/>
      <c r="AE4" s="2"/>
      <c r="AF4" s="2"/>
    </row>
    <row r="5" spans="1:32" ht="30" customHeight="1" x14ac:dyDescent="0.4">
      <c r="A5" s="1"/>
      <c r="B5" s="1"/>
      <c r="C5" s="2"/>
      <c r="D5" s="2"/>
      <c r="E5" s="2"/>
      <c r="F5" s="2"/>
      <c r="G5" s="2"/>
      <c r="H5" s="2"/>
      <c r="I5" s="2"/>
      <c r="J5" s="2"/>
      <c r="K5" s="2"/>
      <c r="L5" s="2"/>
      <c r="M5" s="2"/>
      <c r="N5" s="2"/>
      <c r="O5" s="2"/>
      <c r="P5" s="2"/>
      <c r="Q5" s="2"/>
      <c r="R5" s="2"/>
      <c r="S5" s="106" t="s">
        <v>2</v>
      </c>
      <c r="T5" s="107"/>
      <c r="U5" s="107"/>
      <c r="V5" s="108"/>
      <c r="W5" s="6"/>
      <c r="X5" s="7"/>
      <c r="Y5" s="7"/>
      <c r="Z5" s="7"/>
      <c r="AA5" s="7"/>
      <c r="AB5" s="7"/>
      <c r="AC5" s="7"/>
      <c r="AD5" s="7"/>
      <c r="AE5" s="7"/>
      <c r="AF5" s="8"/>
    </row>
    <row r="6" spans="1:32" ht="20.25" customHeight="1" x14ac:dyDescent="0.4">
      <c r="A6" s="1"/>
      <c r="B6" s="1"/>
      <c r="C6" s="2"/>
      <c r="D6" s="2"/>
      <c r="E6" s="2"/>
      <c r="F6" s="2"/>
      <c r="G6" s="2"/>
      <c r="H6" s="2"/>
      <c r="I6" s="2"/>
      <c r="J6" s="2"/>
      <c r="K6" s="2"/>
      <c r="L6" s="2"/>
      <c r="M6" s="2"/>
      <c r="N6" s="2"/>
      <c r="O6" s="2"/>
      <c r="P6" s="2"/>
      <c r="Q6" s="2"/>
      <c r="R6" s="2"/>
      <c r="S6" s="2"/>
      <c r="T6" s="2"/>
      <c r="U6" s="2"/>
      <c r="V6" s="2"/>
      <c r="W6" s="2"/>
      <c r="X6" s="2"/>
      <c r="Y6" s="2"/>
      <c r="Z6" s="2"/>
      <c r="AA6" s="2"/>
      <c r="AB6" s="2"/>
      <c r="AC6" s="2"/>
      <c r="AD6" s="2"/>
      <c r="AE6" s="2"/>
      <c r="AF6" s="2"/>
    </row>
    <row r="7" spans="1:32" ht="17.25" customHeight="1" x14ac:dyDescent="0.4">
      <c r="A7" s="106" t="s">
        <v>3</v>
      </c>
      <c r="B7" s="107"/>
      <c r="C7" s="108"/>
      <c r="D7" s="106" t="s">
        <v>4</v>
      </c>
      <c r="E7" s="108"/>
      <c r="F7" s="106" t="s">
        <v>5</v>
      </c>
      <c r="G7" s="108"/>
      <c r="H7" s="106" t="s">
        <v>6</v>
      </c>
      <c r="I7" s="107"/>
      <c r="J7" s="107"/>
      <c r="K7" s="107"/>
      <c r="L7" s="107"/>
      <c r="M7" s="107"/>
      <c r="N7" s="107"/>
      <c r="O7" s="107"/>
      <c r="P7" s="107"/>
      <c r="Q7" s="107"/>
      <c r="R7" s="107"/>
      <c r="S7" s="107"/>
      <c r="T7" s="107"/>
      <c r="U7" s="107"/>
      <c r="V7" s="107"/>
      <c r="W7" s="107"/>
      <c r="X7" s="108"/>
      <c r="Y7" s="106" t="s">
        <v>7</v>
      </c>
      <c r="Z7" s="107"/>
      <c r="AA7" s="107"/>
      <c r="AB7" s="108"/>
      <c r="AC7" s="106" t="s">
        <v>8</v>
      </c>
      <c r="AD7" s="107"/>
      <c r="AE7" s="107"/>
      <c r="AF7" s="108"/>
    </row>
    <row r="8" spans="1:32" ht="18.75" customHeight="1" x14ac:dyDescent="0.4">
      <c r="A8" s="101" t="s">
        <v>9</v>
      </c>
      <c r="B8" s="102"/>
      <c r="C8" s="103"/>
      <c r="D8" s="101"/>
      <c r="E8" s="103"/>
      <c r="F8" s="101"/>
      <c r="G8" s="103"/>
      <c r="H8" s="104" t="s">
        <v>10</v>
      </c>
      <c r="I8" s="9" t="s">
        <v>11</v>
      </c>
      <c r="J8" s="10" t="s">
        <v>12</v>
      </c>
      <c r="K8" s="11"/>
      <c r="L8" s="11"/>
      <c r="M8" s="9" t="s">
        <v>11</v>
      </c>
      <c r="N8" s="10" t="s">
        <v>13</v>
      </c>
      <c r="O8" s="11"/>
      <c r="P8" s="11"/>
      <c r="Q8" s="9" t="s">
        <v>11</v>
      </c>
      <c r="R8" s="10" t="s">
        <v>14</v>
      </c>
      <c r="S8" s="11"/>
      <c r="T8" s="11"/>
      <c r="U8" s="9" t="s">
        <v>11</v>
      </c>
      <c r="V8" s="10" t="s">
        <v>15</v>
      </c>
      <c r="W8" s="11"/>
      <c r="X8" s="12"/>
      <c r="Y8" s="109"/>
      <c r="Z8" s="110"/>
      <c r="AA8" s="110"/>
      <c r="AB8" s="111"/>
      <c r="AC8" s="109"/>
      <c r="AD8" s="110"/>
      <c r="AE8" s="110"/>
      <c r="AF8" s="111"/>
    </row>
    <row r="9" spans="1:32" ht="18.75" customHeight="1" x14ac:dyDescent="0.4">
      <c r="A9" s="127"/>
      <c r="B9" s="128"/>
      <c r="C9" s="129"/>
      <c r="D9" s="127"/>
      <c r="E9" s="129"/>
      <c r="F9" s="127"/>
      <c r="G9" s="129"/>
      <c r="H9" s="118"/>
      <c r="I9" s="13" t="s">
        <v>11</v>
      </c>
      <c r="J9" s="14" t="s">
        <v>16</v>
      </c>
      <c r="K9" s="15"/>
      <c r="L9" s="15"/>
      <c r="M9" s="9" t="s">
        <v>11</v>
      </c>
      <c r="N9" s="14" t="s">
        <v>17</v>
      </c>
      <c r="O9" s="15"/>
      <c r="P9" s="15"/>
      <c r="Q9" s="9" t="s">
        <v>11</v>
      </c>
      <c r="R9" s="14" t="s">
        <v>18</v>
      </c>
      <c r="S9" s="15"/>
      <c r="T9" s="15"/>
      <c r="U9" s="9" t="s">
        <v>11</v>
      </c>
      <c r="V9" s="14" t="s">
        <v>19</v>
      </c>
      <c r="W9" s="15"/>
      <c r="X9" s="16"/>
      <c r="Y9" s="112"/>
      <c r="Z9" s="113"/>
      <c r="AA9" s="113"/>
      <c r="AB9" s="114"/>
      <c r="AC9" s="112"/>
      <c r="AD9" s="113"/>
      <c r="AE9" s="113"/>
      <c r="AF9" s="114"/>
    </row>
    <row r="10" spans="1:32" ht="18.75" customHeight="1" x14ac:dyDescent="0.4">
      <c r="A10" s="17"/>
      <c r="B10" s="18"/>
      <c r="C10" s="19"/>
      <c r="D10" s="20"/>
      <c r="E10" s="12"/>
      <c r="F10" s="62"/>
      <c r="G10" s="21"/>
      <c r="H10" s="123" t="s">
        <v>31</v>
      </c>
      <c r="I10" s="124" t="s">
        <v>11</v>
      </c>
      <c r="J10" s="125" t="s">
        <v>22</v>
      </c>
      <c r="K10" s="125"/>
      <c r="L10" s="126" t="s">
        <v>11</v>
      </c>
      <c r="M10" s="125" t="s">
        <v>26</v>
      </c>
      <c r="N10" s="125"/>
      <c r="O10" s="125"/>
      <c r="P10" s="22"/>
      <c r="Q10" s="22"/>
      <c r="R10" s="22"/>
      <c r="S10" s="22"/>
      <c r="T10" s="22"/>
      <c r="U10" s="22"/>
      <c r="V10" s="22"/>
      <c r="W10" s="22"/>
      <c r="X10" s="23"/>
      <c r="Y10" s="53" t="s">
        <v>11</v>
      </c>
      <c r="Z10" s="10" t="s">
        <v>20</v>
      </c>
      <c r="AA10" s="10"/>
      <c r="AB10" s="24"/>
      <c r="AC10" s="115"/>
      <c r="AD10" s="115"/>
      <c r="AE10" s="115"/>
      <c r="AF10" s="115"/>
    </row>
    <row r="11" spans="1:32" ht="18.75" customHeight="1" x14ac:dyDescent="0.4">
      <c r="A11" s="25"/>
      <c r="B11" s="26"/>
      <c r="C11" s="27"/>
      <c r="D11" s="28"/>
      <c r="E11" s="16"/>
      <c r="F11" s="63"/>
      <c r="G11" s="29"/>
      <c r="H11" s="98"/>
      <c r="I11" s="99"/>
      <c r="J11" s="94"/>
      <c r="K11" s="94"/>
      <c r="L11" s="100"/>
      <c r="M11" s="94"/>
      <c r="N11" s="94"/>
      <c r="O11" s="94"/>
      <c r="P11" s="64"/>
      <c r="Q11" s="64"/>
      <c r="R11" s="64"/>
      <c r="S11" s="64"/>
      <c r="T11" s="64"/>
      <c r="U11" s="64"/>
      <c r="V11" s="64"/>
      <c r="W11" s="64"/>
      <c r="X11" s="65"/>
      <c r="Y11" s="13" t="s">
        <v>11</v>
      </c>
      <c r="Z11" s="14" t="s">
        <v>21</v>
      </c>
      <c r="AA11" s="14"/>
      <c r="AB11" s="32"/>
      <c r="AC11" s="120"/>
      <c r="AD11" s="120"/>
      <c r="AE11" s="120"/>
      <c r="AF11" s="120"/>
    </row>
    <row r="12" spans="1:32" ht="18.75" customHeight="1" x14ac:dyDescent="0.4">
      <c r="A12" s="25"/>
      <c r="B12" s="26"/>
      <c r="C12" s="27"/>
      <c r="D12" s="28"/>
      <c r="E12" s="16"/>
      <c r="F12" s="63"/>
      <c r="G12" s="65"/>
      <c r="H12" s="59" t="s">
        <v>32</v>
      </c>
      <c r="I12" s="34" t="s">
        <v>11</v>
      </c>
      <c r="J12" s="35" t="s">
        <v>22</v>
      </c>
      <c r="K12" s="36"/>
      <c r="L12" s="37" t="s">
        <v>11</v>
      </c>
      <c r="M12" s="35" t="s">
        <v>26</v>
      </c>
      <c r="N12" s="36"/>
      <c r="O12" s="36"/>
      <c r="P12" s="36"/>
      <c r="Q12" s="36"/>
      <c r="R12" s="36"/>
      <c r="S12" s="36"/>
      <c r="T12" s="36"/>
      <c r="U12" s="36"/>
      <c r="V12" s="36"/>
      <c r="W12" s="36"/>
      <c r="X12" s="39"/>
      <c r="Y12" s="31"/>
      <c r="Z12" s="14"/>
      <c r="AA12" s="31"/>
      <c r="AB12" s="32"/>
      <c r="AC12" s="116"/>
      <c r="AD12" s="116"/>
      <c r="AE12" s="116"/>
      <c r="AF12" s="116"/>
    </row>
    <row r="13" spans="1:32" ht="18.75" customHeight="1" x14ac:dyDescent="0.4">
      <c r="A13" s="13" t="s">
        <v>11</v>
      </c>
      <c r="B13" s="26">
        <v>43</v>
      </c>
      <c r="C13" s="27" t="s">
        <v>33</v>
      </c>
      <c r="D13" s="28"/>
      <c r="E13" s="16"/>
      <c r="F13" s="63"/>
      <c r="G13" s="65"/>
      <c r="H13" s="91" t="s">
        <v>29</v>
      </c>
      <c r="I13" s="96" t="s">
        <v>11</v>
      </c>
      <c r="J13" s="97" t="s">
        <v>27</v>
      </c>
      <c r="K13" s="97"/>
      <c r="L13" s="97"/>
      <c r="M13" s="96" t="s">
        <v>11</v>
      </c>
      <c r="N13" s="97" t="s">
        <v>28</v>
      </c>
      <c r="O13" s="97"/>
      <c r="P13" s="97"/>
      <c r="Q13" s="43"/>
      <c r="R13" s="43"/>
      <c r="S13" s="43"/>
      <c r="T13" s="43"/>
      <c r="U13" s="43"/>
      <c r="V13" s="43"/>
      <c r="W13" s="43"/>
      <c r="X13" s="44"/>
      <c r="Y13" s="31"/>
      <c r="Z13" s="14"/>
      <c r="AA13" s="31"/>
      <c r="AB13" s="32"/>
      <c r="AC13" s="116"/>
      <c r="AD13" s="116"/>
      <c r="AE13" s="116"/>
      <c r="AF13" s="116"/>
    </row>
    <row r="14" spans="1:32" ht="18.75" customHeight="1" x14ac:dyDescent="0.4">
      <c r="A14" s="25"/>
      <c r="B14" s="26"/>
      <c r="C14" s="27"/>
      <c r="D14" s="28"/>
      <c r="E14" s="16"/>
      <c r="F14" s="63"/>
      <c r="G14" s="65"/>
      <c r="H14" s="92"/>
      <c r="I14" s="93"/>
      <c r="J14" s="95"/>
      <c r="K14" s="95"/>
      <c r="L14" s="95"/>
      <c r="M14" s="93"/>
      <c r="N14" s="95"/>
      <c r="O14" s="95"/>
      <c r="P14" s="95"/>
      <c r="Q14" s="41"/>
      <c r="R14" s="41"/>
      <c r="S14" s="41"/>
      <c r="T14" s="41"/>
      <c r="U14" s="41"/>
      <c r="V14" s="41"/>
      <c r="W14" s="41"/>
      <c r="X14" s="42"/>
      <c r="Y14" s="33"/>
      <c r="Z14" s="31"/>
      <c r="AA14" s="31"/>
      <c r="AB14" s="32"/>
      <c r="AC14" s="116"/>
      <c r="AD14" s="116"/>
      <c r="AE14" s="116"/>
      <c r="AF14" s="116"/>
    </row>
    <row r="15" spans="1:32" ht="18.75" customHeight="1" x14ac:dyDescent="0.4">
      <c r="A15" s="13"/>
      <c r="B15" s="26"/>
      <c r="C15" s="27"/>
      <c r="D15" s="28"/>
      <c r="E15" s="16"/>
      <c r="F15" s="63"/>
      <c r="G15" s="65"/>
      <c r="H15" s="91" t="s">
        <v>30</v>
      </c>
      <c r="I15" s="121" t="s">
        <v>11</v>
      </c>
      <c r="J15" s="119" t="s">
        <v>27</v>
      </c>
      <c r="K15" s="119"/>
      <c r="L15" s="119"/>
      <c r="M15" s="122" t="s">
        <v>11</v>
      </c>
      <c r="N15" s="119" t="s">
        <v>34</v>
      </c>
      <c r="O15" s="119"/>
      <c r="P15" s="119"/>
      <c r="Q15" s="43"/>
      <c r="R15" s="43"/>
      <c r="S15" s="43"/>
      <c r="T15" s="43"/>
      <c r="U15" s="43"/>
      <c r="V15" s="43"/>
      <c r="W15" s="43"/>
      <c r="X15" s="44"/>
      <c r="Y15" s="33"/>
      <c r="Z15" s="31"/>
      <c r="AA15" s="31"/>
      <c r="AB15" s="32"/>
      <c r="AC15" s="116"/>
      <c r="AD15" s="116"/>
      <c r="AE15" s="116"/>
      <c r="AF15" s="116"/>
    </row>
    <row r="16" spans="1:32" ht="18.75" customHeight="1" x14ac:dyDescent="0.4">
      <c r="A16" s="25"/>
      <c r="B16" s="26"/>
      <c r="C16" s="27"/>
      <c r="D16" s="28"/>
      <c r="E16" s="16"/>
      <c r="F16" s="63"/>
      <c r="G16" s="65"/>
      <c r="H16" s="92"/>
      <c r="I16" s="121"/>
      <c r="J16" s="119"/>
      <c r="K16" s="119"/>
      <c r="L16" s="119"/>
      <c r="M16" s="122"/>
      <c r="N16" s="119"/>
      <c r="O16" s="119"/>
      <c r="P16" s="119"/>
      <c r="Q16" s="41"/>
      <c r="R16" s="41"/>
      <c r="S16" s="41"/>
      <c r="T16" s="41"/>
      <c r="U16" s="41"/>
      <c r="V16" s="41"/>
      <c r="W16" s="41"/>
      <c r="X16" s="42"/>
      <c r="Y16" s="33"/>
      <c r="Z16" s="31"/>
      <c r="AA16" s="31"/>
      <c r="AB16" s="32"/>
      <c r="AC16" s="116"/>
      <c r="AD16" s="116"/>
      <c r="AE16" s="116"/>
      <c r="AF16" s="116"/>
    </row>
    <row r="17" spans="1:32" ht="18.75" customHeight="1" x14ac:dyDescent="0.4">
      <c r="A17" s="25"/>
      <c r="B17" s="26"/>
      <c r="C17" s="27"/>
      <c r="D17" s="28"/>
      <c r="E17" s="16"/>
      <c r="F17" s="63"/>
      <c r="G17" s="65"/>
      <c r="H17" s="59" t="s">
        <v>35</v>
      </c>
      <c r="I17" s="34" t="s">
        <v>11</v>
      </c>
      <c r="J17" s="35" t="s">
        <v>22</v>
      </c>
      <c r="K17" s="36"/>
      <c r="L17" s="37" t="s">
        <v>11</v>
      </c>
      <c r="M17" s="35" t="s">
        <v>26</v>
      </c>
      <c r="N17" s="36"/>
      <c r="O17" s="36"/>
      <c r="P17" s="36"/>
      <c r="Q17" s="36"/>
      <c r="R17" s="36"/>
      <c r="S17" s="36"/>
      <c r="T17" s="36"/>
      <c r="U17" s="36"/>
      <c r="V17" s="36"/>
      <c r="W17" s="36"/>
      <c r="X17" s="39"/>
      <c r="Y17" s="33"/>
      <c r="Z17" s="31"/>
      <c r="AA17" s="31"/>
      <c r="AB17" s="32"/>
      <c r="AC17" s="116"/>
      <c r="AD17" s="116"/>
      <c r="AE17" s="116"/>
      <c r="AF17" s="116"/>
    </row>
    <row r="18" spans="1:32" ht="18.75" customHeight="1" x14ac:dyDescent="0.4">
      <c r="A18" s="25"/>
      <c r="B18" s="26"/>
      <c r="C18" s="27"/>
      <c r="D18" s="28"/>
      <c r="E18" s="16"/>
      <c r="F18" s="63"/>
      <c r="G18" s="65"/>
      <c r="H18" s="59" t="s">
        <v>36</v>
      </c>
      <c r="I18" s="34" t="s">
        <v>11</v>
      </c>
      <c r="J18" s="35" t="s">
        <v>22</v>
      </c>
      <c r="K18" s="35"/>
      <c r="L18" s="37" t="s">
        <v>11</v>
      </c>
      <c r="M18" s="35" t="s">
        <v>23</v>
      </c>
      <c r="N18" s="35"/>
      <c r="O18" s="37" t="s">
        <v>11</v>
      </c>
      <c r="P18" s="35" t="s">
        <v>24</v>
      </c>
      <c r="Q18" s="54"/>
      <c r="R18" s="37" t="s">
        <v>11</v>
      </c>
      <c r="S18" s="35" t="s">
        <v>25</v>
      </c>
      <c r="T18" s="36"/>
      <c r="U18" s="37" t="s">
        <v>11</v>
      </c>
      <c r="V18" s="35" t="s">
        <v>37</v>
      </c>
      <c r="W18" s="36"/>
      <c r="X18" s="39"/>
      <c r="Y18" s="33"/>
      <c r="Z18" s="31"/>
      <c r="AA18" s="31"/>
      <c r="AB18" s="32"/>
      <c r="AC18" s="116"/>
      <c r="AD18" s="116"/>
      <c r="AE18" s="116"/>
      <c r="AF18" s="116"/>
    </row>
    <row r="19" spans="1:32" ht="18.75" customHeight="1" x14ac:dyDescent="0.4">
      <c r="A19" s="25"/>
      <c r="B19" s="26"/>
      <c r="C19" s="27"/>
      <c r="D19" s="28"/>
      <c r="E19" s="16"/>
      <c r="F19" s="63"/>
      <c r="G19" s="65"/>
      <c r="H19" s="38" t="s">
        <v>38</v>
      </c>
      <c r="I19" s="34" t="s">
        <v>11</v>
      </c>
      <c r="J19" s="35" t="s">
        <v>22</v>
      </c>
      <c r="K19" s="36"/>
      <c r="L19" s="37" t="s">
        <v>11</v>
      </c>
      <c r="M19" s="35" t="s">
        <v>26</v>
      </c>
      <c r="N19" s="36"/>
      <c r="O19" s="36"/>
      <c r="P19" s="36"/>
      <c r="Q19" s="36"/>
      <c r="R19" s="36"/>
      <c r="S19" s="36"/>
      <c r="T19" s="36"/>
      <c r="U19" s="36"/>
      <c r="V19" s="36"/>
      <c r="W19" s="36"/>
      <c r="X19" s="39"/>
      <c r="Y19" s="33"/>
      <c r="Z19" s="31"/>
      <c r="AA19" s="31"/>
      <c r="AB19" s="32"/>
      <c r="AC19" s="116"/>
      <c r="AD19" s="116"/>
      <c r="AE19" s="116"/>
      <c r="AF19" s="116"/>
    </row>
    <row r="20" spans="1:32" ht="18.75" customHeight="1" x14ac:dyDescent="0.4">
      <c r="A20" s="45"/>
      <c r="B20" s="46"/>
      <c r="C20" s="47"/>
      <c r="D20" s="48"/>
      <c r="E20" s="49"/>
      <c r="F20" s="66"/>
      <c r="G20" s="61"/>
      <c r="H20" s="67" t="s">
        <v>39</v>
      </c>
      <c r="I20" s="55" t="s">
        <v>11</v>
      </c>
      <c r="J20" s="56" t="s">
        <v>22</v>
      </c>
      <c r="K20" s="58"/>
      <c r="L20" s="57" t="s">
        <v>11</v>
      </c>
      <c r="M20" s="56" t="s">
        <v>26</v>
      </c>
      <c r="N20" s="58"/>
      <c r="O20" s="58"/>
      <c r="P20" s="58"/>
      <c r="Q20" s="58"/>
      <c r="R20" s="58"/>
      <c r="S20" s="58"/>
      <c r="T20" s="58"/>
      <c r="U20" s="58"/>
      <c r="V20" s="58"/>
      <c r="W20" s="58"/>
      <c r="X20" s="68"/>
      <c r="Y20" s="52"/>
      <c r="Z20" s="50"/>
      <c r="AA20" s="50"/>
      <c r="AB20" s="51"/>
      <c r="AC20" s="117"/>
      <c r="AD20" s="117"/>
      <c r="AE20" s="117"/>
      <c r="AF20" s="117"/>
    </row>
  </sheetData>
  <mergeCells count="30">
    <mergeCell ref="Y8:AB9"/>
    <mergeCell ref="AC8:AF9"/>
    <mergeCell ref="A3:AF3"/>
    <mergeCell ref="S5:V5"/>
    <mergeCell ref="A7:C7"/>
    <mergeCell ref="D7:E7"/>
    <mergeCell ref="F7:G7"/>
    <mergeCell ref="H7:X7"/>
    <mergeCell ref="Y7:AB7"/>
    <mergeCell ref="AC7:AF7"/>
    <mergeCell ref="A8:C9"/>
    <mergeCell ref="D8:E9"/>
    <mergeCell ref="F8:G9"/>
    <mergeCell ref="H8:H9"/>
    <mergeCell ref="I15:I16"/>
    <mergeCell ref="J15:L16"/>
    <mergeCell ref="M15:M16"/>
    <mergeCell ref="H10:H11"/>
    <mergeCell ref="I10:I11"/>
    <mergeCell ref="J10:K11"/>
    <mergeCell ref="L10:L11"/>
    <mergeCell ref="M10:O11"/>
    <mergeCell ref="N15:P16"/>
    <mergeCell ref="AC10:AF20"/>
    <mergeCell ref="H13:H14"/>
    <mergeCell ref="I13:I14"/>
    <mergeCell ref="J13:L14"/>
    <mergeCell ref="M13:M14"/>
    <mergeCell ref="N13:P14"/>
    <mergeCell ref="H15:H16"/>
  </mergeCells>
  <phoneticPr fontId="3"/>
  <dataValidations count="1">
    <dataValidation type="list" allowBlank="1" showInputMessage="1" showErrorMessage="1" sqref="M8:M9 Q8:Q9 M13:M16 O18 R18 U18 A15 A13 L12 L17:L20 U8:U9" xr:uid="{3DD9C7EA-7040-4274-86BC-5CFFB4053A64}">
      <formula1>"□,■"</formula1>
    </dataValidation>
  </dataValidations>
  <pageMargins left="0.7" right="0.7" top="0.75" bottom="0.75" header="0.3" footer="0.3"/>
  <pageSetup paperSize="9" scale="46" orientation="landscape"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951C11D-6EC7-4F32-B4CB-CCF70117CC2A}">
  <sheetPr>
    <pageSetUpPr fitToPage="1"/>
  </sheetPr>
  <dimension ref="A1:AF969"/>
  <sheetViews>
    <sheetView view="pageBreakPreview" zoomScale="70" zoomScaleNormal="100" zoomScaleSheetLayoutView="70" workbookViewId="0">
      <selection activeCell="B33" sqref="B33"/>
    </sheetView>
  </sheetViews>
  <sheetFormatPr defaultRowHeight="20.25" customHeight="1" x14ac:dyDescent="0.4"/>
  <cols>
    <col min="1" max="1" width="2.375" style="71" customWidth="1"/>
    <col min="2" max="2" width="25" style="3" bestFit="1" customWidth="1"/>
    <col min="3" max="3" width="41.75" style="3" customWidth="1"/>
    <col min="4" max="4" width="15.25" style="3" customWidth="1"/>
    <col min="5" max="5" width="44.25" style="3" customWidth="1"/>
    <col min="6" max="6" width="42" style="3" customWidth="1"/>
    <col min="7" max="7" width="22.5" style="3" customWidth="1"/>
    <col min="8" max="12" width="5.375" style="3" customWidth="1"/>
    <col min="13" max="13" width="6.5" style="3" customWidth="1"/>
    <col min="14" max="17" width="5.375" style="3" customWidth="1"/>
    <col min="18" max="16384" width="9" style="3"/>
  </cols>
  <sheetData>
    <row r="1" spans="1:17" ht="20.25" customHeight="1" x14ac:dyDescent="0.15">
      <c r="A1" s="88"/>
      <c r="B1" s="83" t="s">
        <v>110</v>
      </c>
      <c r="C1" s="88"/>
      <c r="D1" s="88"/>
      <c r="E1" s="88"/>
      <c r="F1" s="88"/>
      <c r="G1" s="88"/>
      <c r="H1" s="88"/>
      <c r="I1" s="88"/>
      <c r="J1" s="88"/>
      <c r="K1" s="88"/>
      <c r="L1" s="2"/>
      <c r="M1" s="2"/>
      <c r="N1" s="2"/>
      <c r="O1" s="2"/>
      <c r="P1" s="2"/>
      <c r="Q1" s="2"/>
    </row>
    <row r="2" spans="1:17" ht="20.25" customHeight="1" x14ac:dyDescent="0.4">
      <c r="A2" s="1"/>
      <c r="B2" s="2"/>
      <c r="C2" s="2"/>
      <c r="D2" s="2"/>
      <c r="E2" s="2"/>
      <c r="F2" s="2"/>
      <c r="G2" s="2"/>
      <c r="H2" s="2"/>
      <c r="I2" s="2"/>
      <c r="J2" s="2"/>
      <c r="K2" s="2"/>
      <c r="L2" s="2"/>
      <c r="M2" s="2"/>
      <c r="N2" s="2"/>
      <c r="O2" s="2"/>
      <c r="P2" s="2"/>
      <c r="Q2" s="2"/>
    </row>
    <row r="3" spans="1:17" ht="20.25" customHeight="1" x14ac:dyDescent="0.15">
      <c r="A3" s="69"/>
      <c r="B3" s="14" t="s">
        <v>109</v>
      </c>
      <c r="C3" s="70"/>
      <c r="D3" s="70"/>
      <c r="E3" s="70"/>
      <c r="F3" s="70"/>
      <c r="G3" s="70"/>
      <c r="H3" s="70"/>
      <c r="I3" s="70"/>
      <c r="J3" s="70"/>
      <c r="K3" s="70"/>
      <c r="L3" s="2"/>
      <c r="M3" s="2"/>
      <c r="N3" s="2"/>
      <c r="O3" s="2"/>
      <c r="P3" s="2"/>
      <c r="Q3" s="2"/>
    </row>
    <row r="4" spans="1:17" ht="20.25" customHeight="1" x14ac:dyDescent="0.15">
      <c r="A4" s="69"/>
      <c r="B4" s="14" t="s">
        <v>108</v>
      </c>
      <c r="C4" s="70"/>
      <c r="D4" s="70"/>
      <c r="E4" s="70"/>
      <c r="F4" s="70"/>
      <c r="G4" s="70"/>
      <c r="H4" s="70"/>
      <c r="I4" s="70"/>
      <c r="J4" s="70"/>
      <c r="K4" s="70"/>
      <c r="L4" s="2"/>
      <c r="M4" s="2"/>
      <c r="N4" s="2"/>
      <c r="O4" s="2"/>
      <c r="P4" s="2"/>
      <c r="Q4" s="2"/>
    </row>
    <row r="5" spans="1:17" ht="20.25" customHeight="1" x14ac:dyDescent="0.15">
      <c r="A5" s="69"/>
      <c r="B5" s="14" t="s">
        <v>107</v>
      </c>
      <c r="C5" s="70"/>
      <c r="D5" s="70"/>
      <c r="E5" s="70"/>
      <c r="F5" s="70"/>
      <c r="G5" s="70"/>
      <c r="H5" s="70"/>
      <c r="I5" s="70"/>
      <c r="J5" s="70"/>
      <c r="K5" s="70"/>
      <c r="L5" s="2"/>
      <c r="M5" s="2"/>
      <c r="N5" s="2"/>
      <c r="O5" s="2"/>
      <c r="P5" s="2"/>
      <c r="Q5" s="2"/>
    </row>
    <row r="6" spans="1:17" ht="20.25" customHeight="1" x14ac:dyDescent="0.15">
      <c r="A6" s="69"/>
      <c r="B6" s="14" t="s">
        <v>106</v>
      </c>
      <c r="C6" s="70"/>
      <c r="D6" s="70"/>
      <c r="E6" s="70"/>
      <c r="F6" s="70"/>
      <c r="G6" s="70"/>
      <c r="H6" s="70"/>
      <c r="I6" s="70"/>
      <c r="J6" s="70"/>
      <c r="K6" s="70"/>
      <c r="L6" s="2"/>
      <c r="M6" s="2"/>
      <c r="N6" s="2"/>
      <c r="O6" s="2"/>
      <c r="P6" s="2"/>
      <c r="Q6" s="2"/>
    </row>
    <row r="7" spans="1:17" ht="20.25" customHeight="1" x14ac:dyDescent="0.15">
      <c r="A7" s="69"/>
      <c r="B7" s="14" t="s">
        <v>105</v>
      </c>
      <c r="C7" s="70"/>
      <c r="D7" s="70"/>
      <c r="E7" s="70"/>
      <c r="F7" s="70"/>
      <c r="G7" s="70"/>
      <c r="H7" s="70"/>
      <c r="I7" s="70"/>
      <c r="J7" s="70"/>
      <c r="K7" s="70"/>
      <c r="L7" s="2"/>
      <c r="M7" s="2"/>
      <c r="N7" s="2"/>
      <c r="O7" s="2"/>
      <c r="P7" s="2"/>
      <c r="Q7" s="2"/>
    </row>
    <row r="8" spans="1:17" ht="20.25" customHeight="1" x14ac:dyDescent="0.15">
      <c r="A8" s="69"/>
      <c r="B8" s="14" t="s">
        <v>104</v>
      </c>
      <c r="C8" s="70"/>
      <c r="D8" s="70"/>
      <c r="E8" s="70"/>
      <c r="F8" s="70"/>
      <c r="G8" s="70"/>
      <c r="H8" s="70"/>
      <c r="I8" s="70"/>
      <c r="J8" s="70"/>
      <c r="K8" s="70"/>
      <c r="L8" s="2"/>
      <c r="M8" s="2"/>
      <c r="N8" s="2"/>
      <c r="O8" s="2"/>
      <c r="P8" s="2"/>
      <c r="Q8" s="2"/>
    </row>
    <row r="9" spans="1:17" ht="20.25" customHeight="1" x14ac:dyDescent="0.15">
      <c r="A9" s="69"/>
      <c r="B9" s="14" t="s">
        <v>103</v>
      </c>
      <c r="C9" s="14"/>
      <c r="D9" s="14"/>
      <c r="E9" s="14"/>
      <c r="F9" s="14"/>
      <c r="G9" s="14"/>
      <c r="H9" s="14"/>
      <c r="I9" s="14"/>
      <c r="J9" s="14"/>
      <c r="K9" s="70"/>
      <c r="L9" s="2"/>
      <c r="M9" s="2"/>
      <c r="N9" s="2"/>
      <c r="O9" s="2"/>
      <c r="P9" s="2"/>
      <c r="Q9" s="2"/>
    </row>
    <row r="10" spans="1:17" ht="20.25" customHeight="1" x14ac:dyDescent="0.15">
      <c r="A10" s="69"/>
      <c r="B10" s="14" t="s">
        <v>102</v>
      </c>
      <c r="C10" s="70"/>
      <c r="D10" s="70"/>
      <c r="E10" s="70"/>
      <c r="F10" s="70"/>
      <c r="G10" s="70"/>
      <c r="H10" s="70"/>
      <c r="I10" s="70"/>
      <c r="J10" s="70"/>
      <c r="K10" s="70"/>
      <c r="L10" s="2"/>
      <c r="M10" s="2"/>
      <c r="N10" s="2"/>
      <c r="O10" s="2"/>
      <c r="P10" s="2"/>
      <c r="Q10" s="2"/>
    </row>
    <row r="11" spans="1:17" ht="20.25" customHeight="1" x14ac:dyDescent="0.15">
      <c r="A11" s="69"/>
      <c r="B11" s="14" t="s">
        <v>101</v>
      </c>
      <c r="C11" s="70"/>
      <c r="D11" s="70"/>
      <c r="E11" s="70"/>
      <c r="F11" s="70"/>
      <c r="G11" s="70"/>
      <c r="H11" s="70"/>
      <c r="I11" s="70"/>
      <c r="J11" s="70"/>
      <c r="K11" s="70"/>
      <c r="L11" s="2"/>
      <c r="M11" s="2"/>
      <c r="N11" s="2"/>
      <c r="O11" s="2"/>
      <c r="P11" s="2"/>
      <c r="Q11" s="2"/>
    </row>
    <row r="12" spans="1:17" ht="20.25" customHeight="1" x14ac:dyDescent="0.15">
      <c r="A12" s="69"/>
      <c r="B12" s="14" t="s">
        <v>100</v>
      </c>
      <c r="C12" s="70"/>
      <c r="D12" s="70"/>
      <c r="E12" s="70"/>
      <c r="F12" s="70"/>
      <c r="G12" s="70"/>
      <c r="H12" s="70"/>
      <c r="I12" s="70"/>
      <c r="J12" s="70"/>
      <c r="K12" s="70"/>
      <c r="L12" s="2"/>
      <c r="M12" s="2"/>
      <c r="N12" s="2"/>
      <c r="O12" s="2"/>
      <c r="P12" s="2"/>
      <c r="Q12" s="2"/>
    </row>
    <row r="13" spans="1:17" ht="20.25" customHeight="1" x14ac:dyDescent="0.15">
      <c r="A13" s="88"/>
      <c r="B13" s="14" t="s">
        <v>99</v>
      </c>
      <c r="C13" s="88"/>
      <c r="D13" s="88"/>
      <c r="E13" s="88"/>
      <c r="F13" s="88"/>
      <c r="G13" s="88"/>
      <c r="H13" s="88"/>
      <c r="I13" s="88"/>
      <c r="J13" s="88"/>
      <c r="K13" s="88"/>
      <c r="L13" s="2"/>
      <c r="M13" s="2"/>
      <c r="N13" s="2"/>
      <c r="O13" s="2"/>
      <c r="P13" s="2"/>
      <c r="Q13" s="2"/>
    </row>
    <row r="14" spans="1:17" ht="48" customHeight="1" x14ac:dyDescent="0.15">
      <c r="A14" s="88"/>
      <c r="B14" s="130" t="s">
        <v>98</v>
      </c>
      <c r="C14" s="94"/>
      <c r="D14" s="94"/>
      <c r="E14" s="94"/>
      <c r="F14" s="94"/>
      <c r="G14" s="94"/>
      <c r="H14" s="94"/>
      <c r="I14" s="94"/>
      <c r="J14" s="94"/>
      <c r="K14" s="94"/>
      <c r="L14" s="2"/>
      <c r="M14" s="2"/>
      <c r="N14" s="2"/>
      <c r="O14" s="2"/>
      <c r="P14" s="2"/>
      <c r="Q14" s="2"/>
    </row>
    <row r="15" spans="1:17" ht="21" customHeight="1" x14ac:dyDescent="0.15">
      <c r="A15" s="88"/>
      <c r="B15" s="130" t="s">
        <v>97</v>
      </c>
      <c r="C15" s="130"/>
      <c r="D15" s="130"/>
      <c r="E15" s="130"/>
      <c r="F15" s="130"/>
      <c r="G15" s="130"/>
      <c r="H15" s="2"/>
      <c r="I15" s="2"/>
      <c r="J15" s="2"/>
      <c r="K15" s="2"/>
      <c r="L15" s="2"/>
      <c r="M15" s="2"/>
      <c r="N15" s="2"/>
      <c r="O15" s="2"/>
      <c r="P15" s="2"/>
      <c r="Q15" s="2"/>
    </row>
    <row r="16" spans="1:17" ht="20.25" customHeight="1" x14ac:dyDescent="0.15">
      <c r="A16" s="88"/>
      <c r="B16" s="14" t="s">
        <v>96</v>
      </c>
      <c r="C16" s="88"/>
      <c r="D16" s="88"/>
      <c r="E16" s="88"/>
      <c r="F16" s="88"/>
      <c r="G16" s="88"/>
      <c r="H16" s="88"/>
      <c r="I16" s="88"/>
      <c r="J16" s="88"/>
      <c r="K16" s="88"/>
      <c r="L16" s="2"/>
      <c r="M16" s="2"/>
      <c r="N16" s="2"/>
      <c r="O16" s="2"/>
      <c r="P16" s="2"/>
      <c r="Q16" s="2"/>
    </row>
    <row r="17" spans="1:19" ht="20.25" customHeight="1" x14ac:dyDescent="0.15">
      <c r="A17" s="88"/>
      <c r="B17" s="14" t="s">
        <v>95</v>
      </c>
      <c r="C17" s="88"/>
      <c r="D17" s="88"/>
      <c r="E17" s="88"/>
      <c r="F17" s="88"/>
      <c r="G17" s="88"/>
      <c r="H17" s="88"/>
      <c r="I17" s="88"/>
      <c r="J17" s="88"/>
      <c r="K17" s="88"/>
      <c r="L17" s="2"/>
      <c r="M17" s="2"/>
      <c r="N17" s="2"/>
      <c r="O17" s="2"/>
      <c r="P17" s="2"/>
      <c r="Q17" s="2"/>
    </row>
    <row r="18" spans="1:19" ht="20.25" customHeight="1" x14ac:dyDescent="0.15">
      <c r="A18" s="88"/>
      <c r="B18" s="14" t="s">
        <v>94</v>
      </c>
      <c r="C18" s="88"/>
      <c r="D18" s="88"/>
      <c r="E18" s="88"/>
      <c r="F18" s="88"/>
      <c r="G18" s="88"/>
      <c r="H18" s="88"/>
      <c r="I18" s="88"/>
      <c r="J18" s="88"/>
      <c r="K18" s="88"/>
      <c r="L18" s="2"/>
      <c r="M18" s="2"/>
      <c r="N18" s="2"/>
      <c r="O18" s="2"/>
      <c r="P18" s="2"/>
      <c r="Q18" s="2"/>
    </row>
    <row r="19" spans="1:19" ht="20.25" customHeight="1" x14ac:dyDescent="0.15">
      <c r="A19" s="88"/>
      <c r="B19" s="14" t="s">
        <v>93</v>
      </c>
      <c r="C19" s="88"/>
      <c r="D19" s="88"/>
      <c r="E19" s="88"/>
      <c r="F19" s="88"/>
      <c r="G19" s="88"/>
      <c r="H19" s="88"/>
      <c r="I19" s="88"/>
      <c r="J19" s="88"/>
      <c r="K19" s="88"/>
      <c r="L19" s="2"/>
      <c r="M19" s="2"/>
      <c r="N19" s="2"/>
      <c r="O19" s="2"/>
      <c r="P19" s="2"/>
      <c r="Q19" s="2"/>
    </row>
    <row r="20" spans="1:19" ht="20.25" customHeight="1" x14ac:dyDescent="0.15">
      <c r="A20" s="88"/>
      <c r="B20" s="14" t="s">
        <v>92</v>
      </c>
      <c r="C20" s="88"/>
      <c r="D20" s="88"/>
      <c r="E20" s="88"/>
      <c r="F20" s="88"/>
      <c r="G20" s="88"/>
      <c r="H20" s="2"/>
      <c r="I20" s="2"/>
      <c r="J20" s="2"/>
      <c r="K20" s="2"/>
      <c r="L20" s="2"/>
      <c r="M20" s="2"/>
      <c r="N20" s="2"/>
      <c r="O20" s="2"/>
      <c r="P20" s="2"/>
      <c r="Q20" s="2"/>
    </row>
    <row r="21" spans="1:19" ht="20.25" customHeight="1" x14ac:dyDescent="0.15">
      <c r="A21" s="88"/>
      <c r="B21" s="14" t="s">
        <v>91</v>
      </c>
      <c r="C21" s="88"/>
      <c r="D21" s="88"/>
      <c r="E21" s="88"/>
      <c r="F21" s="88"/>
      <c r="G21" s="88"/>
      <c r="H21" s="2"/>
      <c r="I21" s="2"/>
      <c r="J21" s="2"/>
      <c r="K21" s="2"/>
      <c r="L21" s="2"/>
      <c r="M21" s="2"/>
      <c r="N21" s="2"/>
      <c r="O21" s="2"/>
      <c r="P21" s="2"/>
      <c r="Q21" s="2"/>
    </row>
    <row r="22" spans="1:19" ht="20.25" customHeight="1" x14ac:dyDescent="0.15">
      <c r="A22" s="88"/>
      <c r="B22" s="14" t="s">
        <v>90</v>
      </c>
      <c r="C22" s="88"/>
      <c r="D22" s="88"/>
      <c r="E22" s="88"/>
      <c r="F22" s="88"/>
      <c r="G22" s="88"/>
      <c r="H22" s="2"/>
      <c r="I22" s="2"/>
      <c r="J22" s="2"/>
      <c r="K22" s="2"/>
      <c r="L22" s="2"/>
      <c r="M22" s="2"/>
      <c r="N22" s="2"/>
      <c r="O22" s="2"/>
      <c r="P22" s="2"/>
      <c r="Q22" s="2"/>
    </row>
    <row r="23" spans="1:19" ht="20.25" customHeight="1" x14ac:dyDescent="0.15">
      <c r="A23" s="88"/>
      <c r="B23" s="14" t="s">
        <v>89</v>
      </c>
      <c r="C23" s="88"/>
      <c r="D23" s="88"/>
      <c r="E23" s="88"/>
      <c r="F23" s="88"/>
      <c r="G23" s="88"/>
      <c r="H23" s="2"/>
      <c r="I23" s="2"/>
      <c r="J23" s="2"/>
      <c r="K23" s="2"/>
      <c r="L23" s="2"/>
      <c r="M23" s="2"/>
      <c r="N23" s="2"/>
      <c r="O23" s="2"/>
      <c r="P23" s="2"/>
      <c r="Q23" s="2"/>
    </row>
    <row r="24" spans="1:19" ht="20.25" customHeight="1" x14ac:dyDescent="0.15">
      <c r="A24" s="88"/>
      <c r="B24" s="14" t="s">
        <v>88</v>
      </c>
      <c r="C24" s="88"/>
      <c r="D24" s="88"/>
      <c r="E24" s="88"/>
      <c r="F24" s="88"/>
      <c r="G24" s="88"/>
      <c r="H24" s="2"/>
      <c r="I24" s="2"/>
      <c r="J24" s="2"/>
      <c r="K24" s="2"/>
      <c r="L24" s="2"/>
      <c r="M24" s="2"/>
      <c r="N24" s="2"/>
      <c r="O24" s="2"/>
      <c r="P24" s="2"/>
      <c r="Q24" s="2"/>
    </row>
    <row r="25" spans="1:19" ht="20.25" customHeight="1" x14ac:dyDescent="0.15">
      <c r="A25" s="88"/>
      <c r="B25" s="14" t="s">
        <v>87</v>
      </c>
      <c r="C25" s="88"/>
      <c r="D25" s="88"/>
      <c r="E25" s="88"/>
      <c r="F25" s="88"/>
      <c r="G25" s="88"/>
      <c r="H25" s="2"/>
      <c r="I25" s="2"/>
      <c r="J25" s="2"/>
      <c r="K25" s="2"/>
      <c r="L25" s="2"/>
      <c r="M25" s="2"/>
      <c r="N25" s="2"/>
      <c r="O25" s="2"/>
      <c r="P25" s="2"/>
      <c r="Q25" s="2"/>
    </row>
    <row r="26" spans="1:19" ht="20.25" customHeight="1" x14ac:dyDescent="0.15">
      <c r="A26" s="88"/>
      <c r="B26" s="14" t="s">
        <v>86</v>
      </c>
      <c r="C26" s="88"/>
      <c r="D26" s="88"/>
      <c r="E26" s="88"/>
      <c r="F26" s="14"/>
      <c r="G26" s="14"/>
      <c r="H26" s="2"/>
      <c r="I26" s="2"/>
      <c r="J26" s="2"/>
      <c r="K26" s="2"/>
      <c r="L26" s="2"/>
      <c r="M26" s="2"/>
      <c r="N26" s="2"/>
      <c r="O26" s="2"/>
      <c r="P26" s="2"/>
      <c r="Q26" s="2"/>
      <c r="S26" s="84"/>
    </row>
    <row r="27" spans="1:19" ht="20.25" customHeight="1" x14ac:dyDescent="0.15">
      <c r="A27" s="88"/>
      <c r="B27" s="14" t="s">
        <v>85</v>
      </c>
      <c r="C27" s="88"/>
      <c r="D27" s="88"/>
      <c r="E27" s="88"/>
      <c r="F27" s="88"/>
      <c r="G27" s="88"/>
      <c r="H27" s="2"/>
      <c r="I27" s="2"/>
      <c r="J27" s="2"/>
      <c r="K27" s="2"/>
      <c r="L27" s="2"/>
      <c r="M27" s="2"/>
      <c r="N27" s="2"/>
      <c r="O27" s="2"/>
      <c r="P27" s="2"/>
      <c r="Q27" s="2"/>
      <c r="S27" s="84"/>
    </row>
    <row r="28" spans="1:19" ht="20.25" customHeight="1" x14ac:dyDescent="0.15">
      <c r="A28" s="88"/>
      <c r="B28" s="14" t="s">
        <v>84</v>
      </c>
      <c r="C28" s="88"/>
      <c r="D28" s="88"/>
      <c r="E28" s="88"/>
      <c r="F28" s="88"/>
      <c r="G28" s="88"/>
      <c r="H28" s="2"/>
      <c r="I28" s="2"/>
      <c r="J28" s="2"/>
      <c r="K28" s="2"/>
      <c r="L28" s="2"/>
      <c r="M28" s="2"/>
      <c r="N28" s="2"/>
      <c r="O28" s="2"/>
      <c r="P28" s="2"/>
      <c r="Q28" s="2"/>
      <c r="S28" s="84"/>
    </row>
    <row r="29" spans="1:19" s="89" customFormat="1" ht="19.5" customHeight="1" x14ac:dyDescent="0.4">
      <c r="A29" s="60"/>
      <c r="B29" s="14" t="s">
        <v>83</v>
      </c>
      <c r="C29" s="87"/>
      <c r="D29" s="87"/>
      <c r="E29" s="87"/>
      <c r="F29" s="87"/>
      <c r="G29" s="87"/>
      <c r="H29" s="87"/>
      <c r="I29" s="87"/>
      <c r="J29" s="87"/>
      <c r="K29" s="87"/>
      <c r="L29" s="87"/>
      <c r="M29" s="87"/>
      <c r="N29" s="87"/>
      <c r="O29" s="87"/>
      <c r="P29" s="87"/>
      <c r="Q29" s="87"/>
      <c r="S29" s="84"/>
    </row>
    <row r="30" spans="1:19" s="89" customFormat="1" ht="19.5" customHeight="1" x14ac:dyDescent="0.4">
      <c r="A30" s="60"/>
      <c r="B30" s="14" t="s">
        <v>82</v>
      </c>
      <c r="C30" s="87"/>
      <c r="D30" s="87"/>
      <c r="E30" s="87"/>
      <c r="F30" s="87"/>
      <c r="G30" s="87"/>
      <c r="H30" s="87"/>
      <c r="I30" s="87"/>
      <c r="J30" s="87"/>
      <c r="K30" s="87"/>
      <c r="L30" s="87"/>
      <c r="M30" s="87"/>
      <c r="N30" s="87"/>
      <c r="O30" s="87"/>
      <c r="P30" s="87"/>
      <c r="Q30" s="87"/>
    </row>
    <row r="31" spans="1:19" s="89" customFormat="1" ht="19.5" customHeight="1" x14ac:dyDescent="0.4">
      <c r="A31" s="60"/>
      <c r="B31" s="14" t="s">
        <v>81</v>
      </c>
      <c r="C31" s="87"/>
      <c r="D31" s="87"/>
      <c r="E31" s="87"/>
      <c r="F31" s="87"/>
      <c r="G31" s="87"/>
      <c r="H31" s="87"/>
      <c r="I31" s="87"/>
      <c r="J31" s="87"/>
      <c r="K31" s="30"/>
      <c r="L31" s="30"/>
      <c r="M31" s="30"/>
      <c r="N31" s="30"/>
      <c r="O31" s="87"/>
      <c r="P31" s="87"/>
      <c r="Q31" s="87"/>
    </row>
    <row r="32" spans="1:19" s="89" customFormat="1" ht="19.5" customHeight="1" x14ac:dyDescent="0.4">
      <c r="A32" s="60"/>
      <c r="B32" s="94" t="s">
        <v>80</v>
      </c>
      <c r="C32" s="94"/>
      <c r="D32" s="94"/>
      <c r="E32" s="94"/>
      <c r="F32" s="94"/>
      <c r="G32" s="94"/>
      <c r="H32" s="87"/>
      <c r="I32" s="87"/>
      <c r="J32" s="87"/>
      <c r="K32" s="87"/>
      <c r="L32" s="87"/>
      <c r="M32" s="87"/>
      <c r="N32" s="87"/>
      <c r="O32" s="87"/>
      <c r="P32" s="87"/>
      <c r="Q32" s="87"/>
      <c r="S32" s="84"/>
    </row>
    <row r="33" spans="1:19" s="89" customFormat="1" ht="19.5" customHeight="1" x14ac:dyDescent="0.4">
      <c r="A33" s="60"/>
      <c r="B33" s="14" t="s">
        <v>79</v>
      </c>
      <c r="C33" s="87"/>
      <c r="D33" s="87"/>
      <c r="E33" s="87"/>
      <c r="F33" s="87"/>
      <c r="G33" s="87"/>
      <c r="H33" s="87"/>
      <c r="I33" s="87"/>
      <c r="J33" s="87"/>
      <c r="K33" s="87"/>
      <c r="L33" s="87"/>
      <c r="M33" s="87"/>
      <c r="N33" s="87"/>
      <c r="O33" s="87"/>
      <c r="P33" s="87"/>
      <c r="Q33" s="87"/>
      <c r="S33" s="84"/>
    </row>
    <row r="34" spans="1:19" s="89" customFormat="1" ht="41.25" customHeight="1" x14ac:dyDescent="0.4">
      <c r="A34" s="60"/>
      <c r="B34" s="130" t="s">
        <v>78</v>
      </c>
      <c r="C34" s="130"/>
      <c r="D34" s="130"/>
      <c r="E34" s="130"/>
      <c r="F34" s="130"/>
      <c r="G34" s="130"/>
      <c r="H34" s="130"/>
      <c r="I34" s="130"/>
      <c r="J34" s="130"/>
      <c r="K34" s="130"/>
      <c r="L34" s="90"/>
      <c r="M34" s="90"/>
      <c r="N34" s="90"/>
      <c r="O34" s="90"/>
      <c r="P34" s="87"/>
      <c r="Q34" s="87"/>
      <c r="S34" s="84"/>
    </row>
    <row r="35" spans="1:19" s="89" customFormat="1" ht="19.5" customHeight="1" x14ac:dyDescent="0.4">
      <c r="A35" s="60"/>
      <c r="B35" s="14" t="s">
        <v>77</v>
      </c>
      <c r="C35" s="87"/>
      <c r="D35" s="87"/>
      <c r="E35" s="87"/>
      <c r="F35" s="87"/>
      <c r="G35" s="87"/>
      <c r="H35" s="87"/>
      <c r="I35" s="87"/>
      <c r="J35" s="87"/>
      <c r="K35" s="87"/>
      <c r="L35" s="87"/>
      <c r="M35" s="87"/>
      <c r="N35" s="87"/>
      <c r="O35" s="87"/>
      <c r="P35" s="87"/>
      <c r="Q35" s="87"/>
      <c r="S35" s="84"/>
    </row>
    <row r="36" spans="1:19" s="84" customFormat="1" ht="20.25" customHeight="1" x14ac:dyDescent="0.4">
      <c r="A36" s="9"/>
      <c r="B36" s="14" t="s">
        <v>76</v>
      </c>
      <c r="C36" s="30"/>
      <c r="D36" s="30"/>
      <c r="E36" s="30"/>
      <c r="F36" s="30"/>
      <c r="G36" s="30"/>
      <c r="H36" s="30"/>
      <c r="I36" s="30"/>
      <c r="J36" s="30"/>
      <c r="K36" s="30"/>
      <c r="L36" s="30"/>
      <c r="M36" s="30"/>
      <c r="N36" s="30"/>
      <c r="O36" s="30"/>
      <c r="P36" s="30"/>
      <c r="Q36" s="30"/>
    </row>
    <row r="37" spans="1:19" ht="20.25" customHeight="1" x14ac:dyDescent="0.15">
      <c r="A37" s="2"/>
      <c r="B37" s="14" t="s">
        <v>75</v>
      </c>
      <c r="C37" s="88"/>
      <c r="D37" s="88"/>
      <c r="E37" s="88"/>
      <c r="F37" s="88"/>
      <c r="G37" s="88"/>
      <c r="H37" s="2"/>
      <c r="I37" s="2"/>
      <c r="J37" s="2"/>
      <c r="K37" s="2"/>
      <c r="L37" s="2"/>
      <c r="M37" s="2"/>
      <c r="N37" s="2"/>
      <c r="O37" s="2"/>
      <c r="P37" s="2"/>
      <c r="Q37" s="2"/>
      <c r="S37" s="84"/>
    </row>
    <row r="38" spans="1:19" ht="20.25" customHeight="1" x14ac:dyDescent="0.15">
      <c r="A38" s="2"/>
      <c r="B38" s="14" t="s">
        <v>74</v>
      </c>
      <c r="C38" s="88"/>
      <c r="D38" s="88"/>
      <c r="E38" s="88"/>
      <c r="F38" s="88"/>
      <c r="G38" s="88"/>
      <c r="H38" s="2"/>
      <c r="I38" s="2"/>
      <c r="J38" s="2"/>
      <c r="K38" s="2"/>
      <c r="L38" s="2"/>
      <c r="M38" s="2"/>
      <c r="N38" s="2"/>
      <c r="O38" s="2"/>
      <c r="P38" s="2"/>
      <c r="Q38" s="40"/>
      <c r="S38" s="84"/>
    </row>
    <row r="39" spans="1:19" ht="20.25" customHeight="1" x14ac:dyDescent="0.15">
      <c r="A39" s="2"/>
      <c r="B39" s="14" t="s">
        <v>73</v>
      </c>
      <c r="C39" s="88"/>
      <c r="D39" s="88"/>
      <c r="E39" s="88"/>
      <c r="F39" s="88"/>
      <c r="G39" s="88"/>
      <c r="H39" s="2"/>
      <c r="I39" s="2"/>
      <c r="J39" s="2"/>
      <c r="K39" s="2"/>
      <c r="L39" s="2"/>
      <c r="M39" s="2"/>
      <c r="N39" s="2"/>
      <c r="O39" s="2"/>
      <c r="P39" s="2"/>
      <c r="Q39" s="40"/>
    </row>
    <row r="40" spans="1:19" ht="20.25" customHeight="1" x14ac:dyDescent="0.15">
      <c r="A40" s="2"/>
      <c r="B40" s="14" t="s">
        <v>72</v>
      </c>
      <c r="C40" s="88"/>
      <c r="D40" s="88"/>
      <c r="E40" s="88"/>
      <c r="F40" s="88"/>
      <c r="G40" s="88"/>
      <c r="H40" s="2"/>
      <c r="I40" s="2"/>
      <c r="J40" s="2"/>
      <c r="K40" s="2"/>
      <c r="L40" s="2"/>
      <c r="M40" s="2"/>
      <c r="N40" s="2"/>
      <c r="O40" s="2"/>
      <c r="P40" s="2"/>
      <c r="Q40" s="40"/>
    </row>
    <row r="41" spans="1:19" s="85" customFormat="1" ht="20.25" customHeight="1" x14ac:dyDescent="0.4">
      <c r="A41" s="31"/>
      <c r="B41" s="14" t="s">
        <v>71</v>
      </c>
      <c r="C41" s="31"/>
      <c r="D41" s="31"/>
      <c r="E41" s="31"/>
      <c r="F41" s="31"/>
      <c r="G41" s="31"/>
      <c r="H41" s="31"/>
      <c r="I41" s="31"/>
      <c r="J41" s="31"/>
      <c r="K41" s="31"/>
      <c r="L41" s="31"/>
      <c r="M41" s="31"/>
      <c r="N41" s="31"/>
      <c r="O41" s="31"/>
      <c r="P41" s="31"/>
      <c r="Q41" s="32"/>
    </row>
    <row r="42" spans="1:19" s="85" customFormat="1" ht="20.25" customHeight="1" x14ac:dyDescent="0.4">
      <c r="A42" s="31"/>
      <c r="B42" s="14" t="s">
        <v>70</v>
      </c>
      <c r="C42" s="31"/>
      <c r="D42" s="31"/>
      <c r="E42" s="31"/>
      <c r="F42" s="31"/>
      <c r="G42" s="31"/>
      <c r="H42" s="31"/>
      <c r="I42" s="31"/>
      <c r="J42" s="31"/>
      <c r="K42" s="31"/>
      <c r="L42" s="31"/>
      <c r="M42" s="31"/>
      <c r="N42" s="31"/>
      <c r="O42" s="31"/>
      <c r="P42" s="31"/>
      <c r="Q42" s="32"/>
    </row>
    <row r="43" spans="1:19" s="85" customFormat="1" ht="20.25" customHeight="1" x14ac:dyDescent="0.4">
      <c r="A43" s="31"/>
      <c r="B43" s="14"/>
      <c r="C43" s="31"/>
      <c r="D43" s="31"/>
      <c r="E43" s="31"/>
      <c r="F43" s="31"/>
      <c r="G43" s="31"/>
      <c r="H43" s="31"/>
      <c r="I43" s="31"/>
      <c r="J43" s="31"/>
      <c r="K43" s="31"/>
      <c r="L43" s="31"/>
      <c r="M43" s="31"/>
      <c r="N43" s="31"/>
      <c r="O43" s="31"/>
      <c r="P43" s="31"/>
      <c r="Q43" s="32"/>
    </row>
    <row r="44" spans="1:19" s="85" customFormat="1" ht="20.25" customHeight="1" x14ac:dyDescent="0.4">
      <c r="A44" s="31"/>
      <c r="B44" s="14" t="s">
        <v>69</v>
      </c>
      <c r="C44" s="31"/>
      <c r="D44" s="31"/>
      <c r="E44" s="31"/>
      <c r="F44" s="31"/>
      <c r="G44" s="31"/>
      <c r="H44" s="31"/>
      <c r="I44" s="31"/>
      <c r="J44" s="31"/>
      <c r="K44" s="31"/>
      <c r="L44" s="31"/>
      <c r="M44" s="31"/>
      <c r="N44" s="31"/>
      <c r="O44" s="31"/>
      <c r="P44" s="31"/>
      <c r="Q44" s="32"/>
    </row>
    <row r="45" spans="1:19" s="85" customFormat="1" ht="20.25" customHeight="1" x14ac:dyDescent="0.4">
      <c r="A45" s="31"/>
      <c r="B45" s="14" t="s">
        <v>68</v>
      </c>
      <c r="C45" s="31"/>
      <c r="D45" s="31"/>
      <c r="E45" s="31"/>
      <c r="F45" s="31"/>
      <c r="G45" s="31"/>
      <c r="H45" s="31"/>
      <c r="I45" s="31"/>
      <c r="J45" s="31"/>
      <c r="K45" s="31"/>
      <c r="L45" s="31"/>
      <c r="M45" s="31"/>
      <c r="N45" s="31"/>
      <c r="O45" s="31"/>
      <c r="P45" s="31"/>
      <c r="Q45" s="32"/>
    </row>
    <row r="46" spans="1:19" s="85" customFormat="1" ht="20.25" customHeight="1" x14ac:dyDescent="0.4">
      <c r="A46" s="31"/>
      <c r="B46" s="14" t="s">
        <v>67</v>
      </c>
      <c r="C46" s="31"/>
      <c r="D46" s="31"/>
      <c r="E46" s="31"/>
      <c r="F46" s="31"/>
      <c r="G46" s="31"/>
      <c r="H46" s="31"/>
      <c r="I46" s="31"/>
      <c r="J46" s="31"/>
      <c r="K46" s="31"/>
      <c r="L46" s="31"/>
      <c r="M46" s="31"/>
      <c r="N46" s="31"/>
      <c r="O46" s="31"/>
      <c r="P46" s="31"/>
      <c r="Q46" s="32"/>
    </row>
    <row r="47" spans="1:19" s="85" customFormat="1" ht="20.25" customHeight="1" x14ac:dyDescent="0.4">
      <c r="A47" s="31"/>
      <c r="B47" s="14" t="s">
        <v>66</v>
      </c>
      <c r="C47" s="31"/>
      <c r="D47" s="31"/>
      <c r="E47" s="31"/>
      <c r="F47" s="31"/>
      <c r="G47" s="31"/>
      <c r="H47" s="31"/>
      <c r="I47" s="31"/>
      <c r="J47" s="31"/>
      <c r="K47" s="31"/>
      <c r="L47" s="31"/>
      <c r="M47" s="31"/>
      <c r="N47" s="31"/>
      <c r="O47" s="31"/>
      <c r="P47" s="31"/>
      <c r="Q47" s="31"/>
    </row>
    <row r="48" spans="1:19" s="85" customFormat="1" ht="20.25" customHeight="1" x14ac:dyDescent="0.4">
      <c r="A48" s="31"/>
      <c r="B48" s="14" t="s">
        <v>65</v>
      </c>
      <c r="C48" s="31"/>
      <c r="D48" s="31"/>
      <c r="E48" s="31"/>
      <c r="F48" s="31"/>
      <c r="G48" s="31"/>
      <c r="H48" s="31"/>
      <c r="I48" s="31"/>
      <c r="J48" s="31"/>
      <c r="K48" s="31"/>
      <c r="L48" s="31"/>
      <c r="M48" s="31"/>
      <c r="N48" s="31"/>
      <c r="O48" s="31"/>
      <c r="P48" s="31"/>
      <c r="Q48" s="31"/>
    </row>
    <row r="49" spans="1:19" s="85" customFormat="1" ht="20.25" customHeight="1" x14ac:dyDescent="0.4">
      <c r="A49" s="31"/>
      <c r="B49" s="14" t="s">
        <v>64</v>
      </c>
      <c r="C49" s="31"/>
      <c r="D49" s="31"/>
      <c r="E49" s="31"/>
      <c r="F49" s="31"/>
      <c r="G49" s="31"/>
      <c r="H49" s="31"/>
      <c r="I49" s="31"/>
      <c r="J49" s="31"/>
      <c r="K49" s="31"/>
      <c r="L49" s="31"/>
      <c r="M49" s="31"/>
      <c r="N49" s="31"/>
      <c r="O49" s="31"/>
      <c r="P49" s="31"/>
      <c r="Q49" s="31"/>
    </row>
    <row r="50" spans="1:19" s="85" customFormat="1" ht="20.25" customHeight="1" x14ac:dyDescent="0.4">
      <c r="A50" s="31"/>
      <c r="B50" s="31"/>
      <c r="C50" s="31"/>
      <c r="D50" s="31"/>
      <c r="E50" s="31"/>
      <c r="F50" s="31"/>
      <c r="G50" s="31"/>
      <c r="H50" s="31"/>
      <c r="I50" s="31"/>
      <c r="J50" s="31"/>
      <c r="K50" s="31"/>
      <c r="L50" s="31"/>
      <c r="M50" s="31"/>
      <c r="N50" s="31"/>
      <c r="O50" s="31"/>
      <c r="P50" s="31"/>
      <c r="Q50" s="31"/>
    </row>
    <row r="51" spans="1:19" s="85" customFormat="1" ht="20.25" customHeight="1" x14ac:dyDescent="0.4">
      <c r="A51" s="31"/>
      <c r="B51" s="14" t="s">
        <v>63</v>
      </c>
      <c r="C51" s="31"/>
      <c r="D51" s="31"/>
      <c r="E51" s="31"/>
      <c r="F51" s="31"/>
      <c r="G51" s="31"/>
      <c r="H51" s="31"/>
      <c r="I51" s="31"/>
      <c r="J51" s="31"/>
      <c r="K51" s="31"/>
      <c r="L51" s="31"/>
      <c r="M51" s="31"/>
      <c r="N51" s="31"/>
      <c r="O51" s="31"/>
      <c r="P51" s="31"/>
      <c r="Q51" s="31"/>
    </row>
    <row r="52" spans="1:19" s="85" customFormat="1" ht="20.25" customHeight="1" x14ac:dyDescent="0.4">
      <c r="A52" s="31"/>
      <c r="B52" s="14" t="s">
        <v>62</v>
      </c>
      <c r="C52" s="31"/>
      <c r="D52" s="31"/>
      <c r="E52" s="31"/>
      <c r="F52" s="31"/>
      <c r="G52" s="31"/>
      <c r="H52" s="31"/>
      <c r="I52" s="31"/>
      <c r="J52" s="31"/>
      <c r="K52" s="31"/>
      <c r="L52" s="31"/>
      <c r="M52" s="31"/>
      <c r="N52" s="31"/>
      <c r="O52" s="31"/>
      <c r="P52" s="31"/>
      <c r="Q52" s="31"/>
    </row>
    <row r="53" spans="1:19" s="85" customFormat="1" ht="20.25" customHeight="1" x14ac:dyDescent="0.4">
      <c r="A53" s="31"/>
      <c r="B53" s="14" t="s">
        <v>61</v>
      </c>
      <c r="C53" s="31"/>
      <c r="D53" s="31"/>
      <c r="E53" s="31"/>
      <c r="F53" s="31"/>
      <c r="G53" s="31"/>
      <c r="H53" s="31"/>
      <c r="I53" s="31"/>
      <c r="J53" s="31"/>
      <c r="K53" s="31"/>
      <c r="L53" s="31"/>
      <c r="M53" s="31"/>
      <c r="N53" s="31"/>
      <c r="O53" s="31"/>
      <c r="P53" s="31"/>
      <c r="Q53" s="31"/>
    </row>
    <row r="54" spans="1:19" s="85" customFormat="1" ht="45.75" customHeight="1" x14ac:dyDescent="0.4">
      <c r="A54" s="31"/>
      <c r="B54" s="131" t="s">
        <v>60</v>
      </c>
      <c r="C54" s="131"/>
      <c r="D54" s="131"/>
      <c r="E54" s="131"/>
      <c r="F54" s="131"/>
      <c r="G54" s="131"/>
      <c r="H54" s="131"/>
      <c r="I54" s="131"/>
      <c r="J54" s="131"/>
      <c r="K54" s="131"/>
      <c r="L54" s="131"/>
      <c r="M54" s="131"/>
      <c r="N54" s="131"/>
      <c r="O54" s="131"/>
      <c r="P54" s="131"/>
      <c r="Q54" s="131"/>
      <c r="S54" s="86"/>
    </row>
    <row r="55" spans="1:19" s="85" customFormat="1" ht="20.25" customHeight="1" x14ac:dyDescent="0.4">
      <c r="A55" s="31"/>
      <c r="B55" s="130" t="s">
        <v>59</v>
      </c>
      <c r="C55" s="130"/>
      <c r="D55" s="130"/>
      <c r="E55" s="130"/>
      <c r="F55" s="130"/>
      <c r="G55" s="130"/>
      <c r="H55" s="31"/>
      <c r="I55" s="31"/>
      <c r="J55" s="31"/>
      <c r="K55" s="31"/>
      <c r="L55" s="31"/>
      <c r="M55" s="31"/>
      <c r="N55" s="31"/>
      <c r="O55" s="31"/>
      <c r="P55" s="31"/>
      <c r="Q55" s="31"/>
      <c r="S55" s="86"/>
    </row>
    <row r="56" spans="1:19" s="85" customFormat="1" ht="20.25" customHeight="1" x14ac:dyDescent="0.4">
      <c r="A56" s="31"/>
      <c r="B56" s="14" t="s">
        <v>58</v>
      </c>
      <c r="C56" s="87"/>
      <c r="D56" s="87"/>
      <c r="E56" s="87"/>
      <c r="F56" s="31"/>
      <c r="G56" s="31"/>
      <c r="H56" s="31"/>
      <c r="I56" s="31"/>
      <c r="J56" s="31"/>
      <c r="K56" s="31"/>
      <c r="L56" s="31"/>
      <c r="M56" s="31"/>
      <c r="N56" s="31"/>
      <c r="O56" s="31"/>
      <c r="P56" s="31"/>
      <c r="Q56" s="31"/>
      <c r="S56" s="86"/>
    </row>
    <row r="57" spans="1:19" s="85" customFormat="1" ht="20.25" customHeight="1" x14ac:dyDescent="0.4">
      <c r="A57" s="31"/>
      <c r="B57" s="14" t="s">
        <v>57</v>
      </c>
      <c r="C57" s="87"/>
      <c r="D57" s="87"/>
      <c r="E57" s="87"/>
      <c r="F57" s="31"/>
      <c r="G57" s="31"/>
      <c r="H57" s="31"/>
      <c r="I57" s="31"/>
      <c r="J57" s="31"/>
      <c r="K57" s="31"/>
      <c r="L57" s="31"/>
      <c r="M57" s="31"/>
      <c r="N57" s="31"/>
      <c r="O57" s="31"/>
      <c r="P57" s="31"/>
      <c r="Q57" s="31"/>
      <c r="S57" s="86"/>
    </row>
    <row r="58" spans="1:19" s="85" customFormat="1" ht="35.25" customHeight="1" x14ac:dyDescent="0.4">
      <c r="A58" s="31"/>
      <c r="B58" s="131" t="s">
        <v>56</v>
      </c>
      <c r="C58" s="131"/>
      <c r="D58" s="131"/>
      <c r="E58" s="131"/>
      <c r="F58" s="131"/>
      <c r="G58" s="131"/>
      <c r="H58" s="131"/>
      <c r="I58" s="131"/>
      <c r="J58" s="131"/>
      <c r="K58" s="131"/>
      <c r="L58" s="131"/>
      <c r="M58" s="131"/>
      <c r="N58" s="131"/>
      <c r="O58" s="131"/>
      <c r="P58" s="131"/>
      <c r="Q58" s="131"/>
      <c r="S58" s="86"/>
    </row>
    <row r="59" spans="1:19" s="85" customFormat="1" ht="20.25" customHeight="1" x14ac:dyDescent="0.4">
      <c r="A59" s="31"/>
      <c r="B59" s="94" t="s">
        <v>55</v>
      </c>
      <c r="C59" s="94"/>
      <c r="D59" s="94"/>
      <c r="E59" s="94"/>
      <c r="F59" s="94"/>
      <c r="G59" s="94"/>
      <c r="H59" s="94"/>
      <c r="I59" s="94"/>
      <c r="J59" s="94"/>
      <c r="K59" s="94"/>
      <c r="L59" s="94"/>
      <c r="M59" s="94"/>
      <c r="N59" s="31"/>
      <c r="O59" s="31"/>
      <c r="P59" s="31"/>
      <c r="Q59" s="31"/>
      <c r="S59" s="86"/>
    </row>
    <row r="60" spans="1:19" s="85" customFormat="1" ht="20.25" customHeight="1" x14ac:dyDescent="0.4">
      <c r="A60" s="31"/>
      <c r="B60" s="130" t="s">
        <v>54</v>
      </c>
      <c r="C60" s="130"/>
      <c r="D60" s="130"/>
      <c r="E60" s="130"/>
      <c r="F60" s="130"/>
      <c r="G60" s="130"/>
      <c r="H60" s="31"/>
      <c r="I60" s="31"/>
      <c r="J60" s="31"/>
      <c r="K60" s="31"/>
      <c r="L60" s="31"/>
      <c r="M60" s="31"/>
      <c r="N60" s="31"/>
      <c r="O60" s="31"/>
      <c r="P60" s="31"/>
      <c r="Q60" s="31"/>
      <c r="S60" s="86"/>
    </row>
    <row r="61" spans="1:19" ht="20.25" customHeight="1" x14ac:dyDescent="0.15">
      <c r="A61" s="69"/>
      <c r="B61" s="14" t="s">
        <v>53</v>
      </c>
      <c r="C61" s="70"/>
      <c r="D61" s="70"/>
      <c r="E61" s="70"/>
      <c r="F61" s="70"/>
      <c r="G61" s="70"/>
      <c r="H61" s="70"/>
      <c r="I61" s="70"/>
      <c r="J61" s="70"/>
      <c r="K61" s="70"/>
      <c r="L61" s="2"/>
      <c r="M61" s="2"/>
      <c r="N61" s="2"/>
      <c r="O61" s="2"/>
      <c r="P61" s="2"/>
      <c r="Q61" s="2"/>
    </row>
    <row r="62" spans="1:19" s="85" customFormat="1" ht="20.25" customHeight="1" x14ac:dyDescent="0.4">
      <c r="A62" s="31"/>
      <c r="B62" s="130" t="s">
        <v>52</v>
      </c>
      <c r="C62" s="130"/>
      <c r="D62" s="130"/>
      <c r="E62" s="130"/>
      <c r="F62" s="130"/>
      <c r="G62" s="130"/>
      <c r="H62" s="31"/>
      <c r="I62" s="31"/>
      <c r="J62" s="31"/>
      <c r="K62" s="31"/>
      <c r="L62" s="31"/>
      <c r="M62" s="31"/>
      <c r="N62" s="31"/>
      <c r="O62" s="31"/>
      <c r="P62" s="31"/>
      <c r="Q62" s="31"/>
      <c r="S62" s="86"/>
    </row>
    <row r="63" spans="1:19" s="85" customFormat="1" ht="20.25" customHeight="1" x14ac:dyDescent="0.4">
      <c r="A63" s="31"/>
      <c r="B63" s="130" t="s">
        <v>51</v>
      </c>
      <c r="C63" s="130"/>
      <c r="D63" s="130"/>
      <c r="E63" s="130"/>
      <c r="F63" s="130"/>
      <c r="G63" s="130"/>
      <c r="H63" s="31"/>
      <c r="I63" s="31"/>
      <c r="J63" s="31"/>
      <c r="K63" s="31"/>
      <c r="L63" s="31"/>
      <c r="M63" s="31"/>
      <c r="N63" s="31"/>
      <c r="O63" s="31"/>
      <c r="P63" s="31"/>
      <c r="Q63" s="31"/>
      <c r="S63" s="86"/>
    </row>
    <row r="64" spans="1:19" s="85" customFormat="1" ht="20.25" customHeight="1" x14ac:dyDescent="0.4">
      <c r="A64" s="31"/>
      <c r="B64" s="130" t="s">
        <v>50</v>
      </c>
      <c r="C64" s="130"/>
      <c r="D64" s="130"/>
      <c r="E64" s="130"/>
      <c r="F64" s="130"/>
      <c r="G64" s="130"/>
      <c r="H64" s="31"/>
      <c r="I64" s="31"/>
      <c r="J64" s="31"/>
      <c r="K64" s="31"/>
      <c r="L64" s="31"/>
      <c r="M64" s="31"/>
      <c r="N64" s="31"/>
      <c r="O64" s="31"/>
      <c r="P64" s="31"/>
      <c r="Q64" s="31"/>
      <c r="S64" s="86"/>
    </row>
    <row r="65" spans="1:19" s="85" customFormat="1" ht="20.25" customHeight="1" x14ac:dyDescent="0.4">
      <c r="A65" s="31"/>
      <c r="B65" s="130" t="s">
        <v>49</v>
      </c>
      <c r="C65" s="130"/>
      <c r="D65" s="130"/>
      <c r="E65" s="130"/>
      <c r="F65" s="130"/>
      <c r="G65" s="130"/>
      <c r="H65" s="31"/>
      <c r="I65" s="31"/>
      <c r="J65" s="31"/>
      <c r="K65" s="31"/>
      <c r="L65" s="31"/>
      <c r="M65" s="31"/>
      <c r="N65" s="31"/>
      <c r="O65" s="31"/>
      <c r="P65" s="31"/>
      <c r="Q65" s="31"/>
      <c r="S65" s="86"/>
    </row>
    <row r="66" spans="1:19" s="85" customFormat="1" ht="20.25" customHeight="1" x14ac:dyDescent="0.4">
      <c r="A66" s="31"/>
      <c r="B66" s="130" t="s">
        <v>48</v>
      </c>
      <c r="C66" s="130"/>
      <c r="D66" s="130"/>
      <c r="E66" s="130"/>
      <c r="F66" s="130"/>
      <c r="G66" s="130"/>
      <c r="H66" s="130"/>
      <c r="I66" s="130"/>
      <c r="J66" s="130"/>
      <c r="K66" s="130"/>
      <c r="L66" s="130"/>
      <c r="M66" s="130"/>
      <c r="N66" s="130"/>
      <c r="O66" s="130"/>
      <c r="P66" s="130"/>
      <c r="Q66" s="130"/>
      <c r="S66" s="86"/>
    </row>
    <row r="67" spans="1:19" s="85" customFormat="1" ht="20.25" customHeight="1" x14ac:dyDescent="0.4">
      <c r="A67" s="31"/>
      <c r="B67" s="130" t="s">
        <v>47</v>
      </c>
      <c r="C67" s="130"/>
      <c r="D67" s="130"/>
      <c r="E67" s="130"/>
      <c r="F67" s="130"/>
      <c r="G67" s="130"/>
      <c r="H67" s="130"/>
      <c r="I67" s="130"/>
      <c r="J67" s="130"/>
      <c r="K67" s="130"/>
      <c r="L67" s="130"/>
      <c r="M67" s="130"/>
      <c r="N67" s="130"/>
      <c r="O67" s="130"/>
      <c r="P67" s="130"/>
      <c r="Q67" s="130"/>
      <c r="S67" s="86"/>
    </row>
    <row r="68" spans="1:19" s="85" customFormat="1" ht="20.25" customHeight="1" x14ac:dyDescent="0.4">
      <c r="A68" s="31"/>
      <c r="B68" s="130" t="s">
        <v>46</v>
      </c>
      <c r="C68" s="130"/>
      <c r="D68" s="130"/>
      <c r="E68" s="130"/>
      <c r="F68" s="130"/>
      <c r="G68" s="130"/>
      <c r="H68" s="130"/>
      <c r="I68" s="130"/>
      <c r="J68" s="130"/>
      <c r="K68" s="130"/>
      <c r="L68" s="130"/>
      <c r="M68" s="130"/>
      <c r="N68" s="130"/>
      <c r="O68" s="130"/>
      <c r="P68" s="130"/>
      <c r="Q68" s="130"/>
      <c r="S68" s="86"/>
    </row>
    <row r="69" spans="1:19" s="85" customFormat="1" ht="20.25" customHeight="1" x14ac:dyDescent="0.4">
      <c r="A69" s="31"/>
      <c r="B69" s="14" t="s">
        <v>45</v>
      </c>
      <c r="C69" s="31"/>
      <c r="D69" s="31"/>
      <c r="E69" s="31"/>
      <c r="F69" s="31"/>
      <c r="G69" s="31"/>
      <c r="H69" s="31"/>
      <c r="I69" s="31"/>
      <c r="J69" s="31"/>
      <c r="K69" s="31"/>
      <c r="L69" s="31"/>
      <c r="M69" s="31"/>
      <c r="N69" s="31"/>
      <c r="O69" s="31"/>
      <c r="P69" s="31"/>
      <c r="Q69" s="31"/>
    </row>
    <row r="70" spans="1:19" s="84" customFormat="1" ht="20.25" customHeight="1" x14ac:dyDescent="0.4">
      <c r="A70" s="9"/>
      <c r="B70" s="14" t="s">
        <v>44</v>
      </c>
      <c r="C70" s="31"/>
      <c r="D70" s="31"/>
      <c r="E70" s="31"/>
      <c r="F70" s="30"/>
      <c r="G70" s="30"/>
      <c r="H70" s="30"/>
      <c r="I70" s="30"/>
      <c r="J70" s="30"/>
      <c r="K70" s="30"/>
      <c r="L70" s="30"/>
      <c r="M70" s="30"/>
      <c r="N70" s="30"/>
      <c r="O70" s="30"/>
      <c r="P70" s="30"/>
      <c r="Q70" s="30"/>
    </row>
    <row r="71" spans="1:19" s="84" customFormat="1" ht="20.25" customHeight="1" x14ac:dyDescent="0.4">
      <c r="A71" s="9"/>
      <c r="B71" s="14" t="s">
        <v>43</v>
      </c>
      <c r="C71" s="31"/>
      <c r="D71" s="31"/>
      <c r="E71" s="31"/>
      <c r="F71" s="30"/>
      <c r="G71" s="30"/>
      <c r="H71" s="30"/>
      <c r="I71" s="30"/>
      <c r="J71" s="30"/>
      <c r="K71" s="30"/>
      <c r="L71" s="30"/>
      <c r="M71" s="30"/>
      <c r="N71" s="30"/>
      <c r="O71" s="30"/>
      <c r="P71" s="30"/>
      <c r="Q71" s="30"/>
    </row>
    <row r="72" spans="1:19" ht="20.25" customHeight="1" x14ac:dyDescent="0.15">
      <c r="A72" s="69"/>
      <c r="B72" s="14" t="s">
        <v>42</v>
      </c>
      <c r="C72" s="30"/>
      <c r="D72" s="30"/>
      <c r="E72" s="30"/>
      <c r="F72" s="70"/>
      <c r="G72" s="70"/>
      <c r="H72" s="70"/>
      <c r="I72" s="70"/>
      <c r="J72" s="70"/>
      <c r="K72" s="70"/>
      <c r="L72" s="2"/>
      <c r="M72" s="2"/>
      <c r="N72" s="2"/>
      <c r="O72" s="2"/>
      <c r="P72" s="2"/>
      <c r="Q72" s="2"/>
    </row>
    <row r="73" spans="1:19" ht="20.25" customHeight="1" x14ac:dyDescent="0.15">
      <c r="A73" s="69"/>
      <c r="B73" s="14"/>
      <c r="C73" s="30"/>
      <c r="D73" s="30"/>
      <c r="E73" s="30"/>
      <c r="F73" s="70"/>
      <c r="G73" s="70"/>
      <c r="H73" s="70"/>
      <c r="I73" s="70"/>
      <c r="J73" s="70"/>
      <c r="K73" s="70"/>
      <c r="L73" s="2"/>
      <c r="M73" s="2"/>
      <c r="N73" s="2"/>
      <c r="O73" s="2"/>
      <c r="P73" s="2"/>
      <c r="Q73" s="2"/>
    </row>
    <row r="74" spans="1:19" ht="20.25" customHeight="1" x14ac:dyDescent="0.4">
      <c r="A74" s="1"/>
      <c r="B74" s="83" t="s">
        <v>41</v>
      </c>
      <c r="C74" s="30"/>
      <c r="D74" s="30"/>
      <c r="E74" s="30"/>
      <c r="F74" s="2"/>
      <c r="G74" s="2"/>
      <c r="H74" s="2"/>
      <c r="I74" s="2"/>
      <c r="J74" s="2"/>
      <c r="K74" s="2"/>
      <c r="L74" s="2"/>
      <c r="M74" s="2"/>
      <c r="N74" s="2"/>
      <c r="O74" s="2"/>
      <c r="P74" s="2"/>
      <c r="Q74" s="2"/>
    </row>
    <row r="75" spans="1:19" ht="20.25" customHeight="1" x14ac:dyDescent="0.15">
      <c r="A75" s="1"/>
      <c r="B75" s="2"/>
      <c r="C75" s="70"/>
      <c r="D75" s="70"/>
      <c r="E75" s="70"/>
      <c r="F75" s="2"/>
      <c r="G75" s="2"/>
      <c r="H75" s="2"/>
      <c r="I75" s="2"/>
      <c r="J75" s="2"/>
      <c r="K75" s="2"/>
      <c r="L75" s="2"/>
      <c r="M75" s="2"/>
      <c r="N75" s="2"/>
      <c r="O75" s="2"/>
      <c r="P75" s="2"/>
      <c r="Q75" s="2"/>
    </row>
    <row r="76" spans="1:19" ht="20.25" customHeight="1" x14ac:dyDescent="0.4">
      <c r="A76" s="1"/>
      <c r="B76" s="14" t="s">
        <v>40</v>
      </c>
      <c r="C76" s="2"/>
      <c r="D76" s="2"/>
      <c r="E76" s="2"/>
      <c r="F76" s="2"/>
      <c r="G76" s="2"/>
      <c r="H76" s="2"/>
      <c r="I76" s="2"/>
      <c r="J76" s="2"/>
      <c r="K76" s="2"/>
      <c r="L76" s="2"/>
      <c r="M76" s="2"/>
      <c r="N76" s="2"/>
      <c r="O76" s="2"/>
      <c r="P76" s="2"/>
      <c r="Q76" s="2"/>
    </row>
    <row r="77" spans="1:19" ht="20.25" customHeight="1" x14ac:dyDescent="0.4">
      <c r="A77" s="1"/>
      <c r="B77" s="2"/>
      <c r="C77" s="2"/>
      <c r="D77" s="2"/>
      <c r="E77" s="2"/>
      <c r="F77" s="2"/>
      <c r="G77" s="2"/>
      <c r="H77" s="2"/>
      <c r="I77" s="2"/>
      <c r="J77" s="2"/>
      <c r="K77" s="2"/>
      <c r="L77" s="2"/>
      <c r="M77" s="2"/>
      <c r="N77" s="2"/>
      <c r="O77" s="2"/>
      <c r="P77" s="2"/>
      <c r="Q77" s="2"/>
    </row>
    <row r="78" spans="1:19" ht="20.25" customHeight="1" x14ac:dyDescent="0.4">
      <c r="A78" s="1"/>
      <c r="B78" s="2"/>
      <c r="C78" s="2"/>
      <c r="D78" s="2"/>
      <c r="E78" s="2"/>
      <c r="F78" s="2"/>
      <c r="G78" s="2"/>
      <c r="H78" s="2"/>
      <c r="I78" s="2"/>
      <c r="J78" s="2"/>
      <c r="K78" s="2"/>
      <c r="L78" s="2"/>
      <c r="M78" s="2"/>
      <c r="N78" s="2"/>
      <c r="O78" s="2"/>
      <c r="P78" s="2"/>
      <c r="Q78" s="2"/>
    </row>
    <row r="79" spans="1:19" ht="20.25" customHeight="1" x14ac:dyDescent="0.4">
      <c r="A79" s="1"/>
      <c r="B79" s="2"/>
      <c r="C79" s="2"/>
      <c r="D79" s="2"/>
      <c r="E79" s="2"/>
      <c r="F79" s="2"/>
      <c r="G79" s="2"/>
      <c r="H79" s="2"/>
      <c r="I79" s="2"/>
      <c r="J79" s="2"/>
      <c r="K79" s="2"/>
      <c r="L79" s="2"/>
      <c r="M79" s="2"/>
      <c r="N79" s="2"/>
      <c r="O79" s="2"/>
      <c r="P79" s="2"/>
      <c r="Q79" s="2"/>
    </row>
    <row r="88" spans="12:12" ht="20.25" customHeight="1" x14ac:dyDescent="0.4">
      <c r="L88" s="82"/>
    </row>
    <row r="122" spans="1:32" ht="20.25" customHeight="1" x14ac:dyDescent="0.4">
      <c r="A122" s="80"/>
      <c r="B122" s="73"/>
      <c r="C122" s="73"/>
      <c r="D122" s="73"/>
      <c r="E122" s="73"/>
      <c r="F122" s="73"/>
      <c r="G122" s="73"/>
      <c r="H122" s="73"/>
      <c r="I122" s="73"/>
      <c r="J122" s="73"/>
      <c r="K122" s="73"/>
      <c r="L122" s="73"/>
      <c r="M122" s="73"/>
      <c r="N122" s="73"/>
      <c r="O122" s="73"/>
      <c r="P122" s="73"/>
      <c r="Q122" s="73"/>
      <c r="R122" s="73"/>
      <c r="S122" s="73"/>
      <c r="T122" s="73"/>
      <c r="U122" s="73"/>
      <c r="V122" s="73"/>
      <c r="W122" s="73"/>
      <c r="X122" s="73"/>
      <c r="Y122" s="73"/>
      <c r="Z122" s="73"/>
      <c r="AA122" s="73"/>
      <c r="AB122" s="73"/>
      <c r="AC122" s="73"/>
      <c r="AD122" s="73"/>
      <c r="AE122" s="73"/>
      <c r="AF122" s="73"/>
    </row>
    <row r="123" spans="1:32" ht="20.25" customHeight="1" x14ac:dyDescent="0.4">
      <c r="C123" s="81"/>
    </row>
    <row r="151" spans="1:32" ht="20.25" customHeight="1" x14ac:dyDescent="0.4">
      <c r="A151" s="80"/>
      <c r="B151" s="73"/>
      <c r="C151" s="73"/>
      <c r="D151" s="73"/>
      <c r="E151" s="73"/>
      <c r="F151" s="73"/>
      <c r="G151" s="73"/>
      <c r="H151" s="73"/>
      <c r="I151" s="73"/>
      <c r="J151" s="73"/>
      <c r="K151" s="73"/>
      <c r="L151" s="73"/>
      <c r="M151" s="73"/>
      <c r="N151" s="73"/>
      <c r="O151" s="73"/>
      <c r="P151" s="73"/>
      <c r="Q151" s="73"/>
      <c r="R151" s="73"/>
      <c r="S151" s="73"/>
      <c r="T151" s="73"/>
      <c r="U151" s="73"/>
      <c r="V151" s="73"/>
      <c r="W151" s="73"/>
      <c r="X151" s="73"/>
      <c r="Y151" s="73"/>
      <c r="Z151" s="73"/>
      <c r="AA151" s="73"/>
      <c r="AB151" s="73"/>
      <c r="AC151" s="73"/>
      <c r="AD151" s="73"/>
      <c r="AE151" s="73"/>
      <c r="AF151" s="73"/>
    </row>
    <row r="182" spans="1:32" ht="20.25" customHeight="1" x14ac:dyDescent="0.4">
      <c r="H182" s="79"/>
    </row>
    <row r="183" spans="1:32" ht="20.25" customHeight="1" x14ac:dyDescent="0.4">
      <c r="H183" s="79"/>
    </row>
    <row r="184" spans="1:32" ht="20.25" customHeight="1" x14ac:dyDescent="0.4">
      <c r="H184" s="79"/>
    </row>
    <row r="185" spans="1:32" ht="20.25" customHeight="1" x14ac:dyDescent="0.4">
      <c r="H185" s="79"/>
    </row>
    <row r="186" spans="1:32" ht="20.25" customHeight="1" x14ac:dyDescent="0.4">
      <c r="H186" s="79"/>
    </row>
    <row r="187" spans="1:32" ht="20.25" customHeight="1" x14ac:dyDescent="0.4">
      <c r="A187" s="76"/>
      <c r="B187" s="73"/>
      <c r="C187" s="73"/>
      <c r="D187" s="73"/>
      <c r="E187" s="73"/>
      <c r="F187" s="73"/>
      <c r="G187" s="72"/>
      <c r="H187" s="75"/>
      <c r="I187" s="74"/>
      <c r="J187" s="73"/>
      <c r="K187" s="73"/>
      <c r="L187" s="73"/>
      <c r="M187" s="73"/>
      <c r="N187" s="73"/>
      <c r="O187" s="73"/>
      <c r="P187" s="73"/>
      <c r="Q187" s="73"/>
      <c r="R187" s="73"/>
      <c r="S187" s="73"/>
      <c r="T187" s="73"/>
      <c r="U187" s="73"/>
      <c r="V187" s="73"/>
      <c r="W187" s="73"/>
      <c r="X187" s="73"/>
      <c r="Y187" s="73"/>
      <c r="Z187" s="73"/>
      <c r="AA187" s="73"/>
      <c r="AB187" s="73"/>
      <c r="AC187" s="73"/>
      <c r="AD187" s="73"/>
      <c r="AE187" s="73"/>
      <c r="AF187" s="72"/>
    </row>
    <row r="212" spans="29:32" ht="20.25" customHeight="1" x14ac:dyDescent="0.4">
      <c r="AC212" s="78"/>
      <c r="AF212" s="77"/>
    </row>
    <row r="213" spans="29:32" ht="20.25" customHeight="1" x14ac:dyDescent="0.4">
      <c r="AC213" s="78"/>
      <c r="AF213" s="77"/>
    </row>
    <row r="214" spans="29:32" ht="20.25" customHeight="1" x14ac:dyDescent="0.4">
      <c r="AC214" s="78"/>
      <c r="AF214" s="77"/>
    </row>
    <row r="215" spans="29:32" ht="20.25" customHeight="1" x14ac:dyDescent="0.4">
      <c r="AC215" s="78"/>
      <c r="AF215" s="77"/>
    </row>
    <row r="216" spans="29:32" ht="20.25" customHeight="1" x14ac:dyDescent="0.4">
      <c r="AC216" s="78"/>
      <c r="AF216" s="77"/>
    </row>
    <row r="217" spans="29:32" ht="20.25" customHeight="1" x14ac:dyDescent="0.4">
      <c r="AC217" s="78"/>
      <c r="AF217" s="77"/>
    </row>
    <row r="218" spans="29:32" ht="20.25" customHeight="1" x14ac:dyDescent="0.4">
      <c r="AC218" s="78"/>
      <c r="AF218" s="77"/>
    </row>
    <row r="219" spans="29:32" ht="20.25" customHeight="1" x14ac:dyDescent="0.4">
      <c r="AC219" s="78"/>
      <c r="AF219" s="77"/>
    </row>
    <row r="220" spans="29:32" ht="20.25" customHeight="1" x14ac:dyDescent="0.4">
      <c r="AC220" s="78"/>
      <c r="AF220" s="77"/>
    </row>
    <row r="221" spans="29:32" ht="20.25" customHeight="1" x14ac:dyDescent="0.4">
      <c r="AC221" s="78"/>
      <c r="AF221" s="77"/>
    </row>
    <row r="222" spans="29:32" ht="20.25" customHeight="1" x14ac:dyDescent="0.4">
      <c r="AC222" s="78"/>
      <c r="AF222" s="77"/>
    </row>
    <row r="223" spans="29:32" ht="20.25" customHeight="1" x14ac:dyDescent="0.4">
      <c r="AC223" s="78"/>
      <c r="AF223" s="77"/>
    </row>
    <row r="224" spans="29:32" ht="20.25" customHeight="1" x14ac:dyDescent="0.4">
      <c r="AC224" s="78"/>
      <c r="AF224" s="77"/>
    </row>
    <row r="225" spans="1:32" ht="20.25" customHeight="1" x14ac:dyDescent="0.4">
      <c r="AC225" s="78"/>
      <c r="AF225" s="77"/>
    </row>
    <row r="226" spans="1:32" ht="20.25" customHeight="1" x14ac:dyDescent="0.4">
      <c r="AC226" s="78"/>
      <c r="AF226" s="77"/>
    </row>
    <row r="227" spans="1:32" ht="20.25" customHeight="1" x14ac:dyDescent="0.4">
      <c r="AC227" s="78"/>
      <c r="AF227" s="77"/>
    </row>
    <row r="228" spans="1:32" ht="20.25" customHeight="1" x14ac:dyDescent="0.4">
      <c r="AC228" s="78"/>
      <c r="AF228" s="77"/>
    </row>
    <row r="229" spans="1:32" ht="20.25" customHeight="1" x14ac:dyDescent="0.4">
      <c r="AC229" s="78"/>
      <c r="AF229" s="77"/>
    </row>
    <row r="230" spans="1:32" ht="20.25" customHeight="1" x14ac:dyDescent="0.4">
      <c r="AC230" s="78"/>
      <c r="AF230" s="77"/>
    </row>
    <row r="231" spans="1:32" ht="20.25" customHeight="1" x14ac:dyDescent="0.4">
      <c r="AC231" s="78"/>
      <c r="AF231" s="77"/>
    </row>
    <row r="232" spans="1:32" ht="20.25" customHeight="1" x14ac:dyDescent="0.4">
      <c r="AC232" s="78"/>
      <c r="AF232" s="77"/>
    </row>
    <row r="233" spans="1:32" ht="20.25" customHeight="1" x14ac:dyDescent="0.4">
      <c r="H233" s="79"/>
      <c r="AC233" s="78"/>
      <c r="AF233" s="77"/>
    </row>
    <row r="234" spans="1:32" ht="20.25" customHeight="1" x14ac:dyDescent="0.4">
      <c r="H234" s="79"/>
      <c r="AC234" s="78"/>
      <c r="AF234" s="77"/>
    </row>
    <row r="235" spans="1:32" ht="20.25" customHeight="1" x14ac:dyDescent="0.4">
      <c r="H235" s="79"/>
      <c r="AC235" s="78"/>
      <c r="AF235" s="77"/>
    </row>
    <row r="236" spans="1:32" ht="20.25" customHeight="1" x14ac:dyDescent="0.4">
      <c r="H236" s="79"/>
      <c r="AC236" s="78"/>
      <c r="AF236" s="77"/>
    </row>
    <row r="237" spans="1:32" ht="20.25" customHeight="1" x14ac:dyDescent="0.4">
      <c r="H237" s="79"/>
      <c r="AC237" s="78"/>
      <c r="AF237" s="77"/>
    </row>
    <row r="238" spans="1:32" ht="20.25" customHeight="1" x14ac:dyDescent="0.4">
      <c r="A238" s="76"/>
      <c r="B238" s="73"/>
      <c r="C238" s="73"/>
      <c r="D238" s="73"/>
      <c r="E238" s="73"/>
      <c r="F238" s="73"/>
      <c r="G238" s="72"/>
      <c r="H238" s="75"/>
      <c r="I238" s="74"/>
      <c r="J238" s="73"/>
      <c r="K238" s="73"/>
      <c r="L238" s="73"/>
      <c r="M238" s="73"/>
      <c r="N238" s="73"/>
      <c r="O238" s="73"/>
      <c r="P238" s="73"/>
      <c r="Q238" s="73"/>
      <c r="R238" s="73"/>
      <c r="S238" s="73"/>
      <c r="T238" s="73"/>
      <c r="U238" s="73"/>
      <c r="V238" s="73"/>
      <c r="W238" s="73"/>
      <c r="X238" s="73"/>
      <c r="Y238" s="73"/>
      <c r="Z238" s="73"/>
      <c r="AA238" s="73"/>
      <c r="AB238" s="72"/>
      <c r="AC238" s="74"/>
      <c r="AD238" s="73"/>
      <c r="AE238" s="73"/>
      <c r="AF238" s="72"/>
    </row>
    <row r="287" spans="1:32" ht="20.25" customHeight="1" x14ac:dyDescent="0.4">
      <c r="A287" s="76"/>
      <c r="B287" s="73"/>
      <c r="C287" s="73"/>
      <c r="D287" s="73"/>
      <c r="E287" s="73"/>
      <c r="F287" s="73"/>
      <c r="G287" s="73"/>
      <c r="H287" s="73"/>
      <c r="I287" s="73"/>
      <c r="J287" s="73"/>
      <c r="K287" s="73"/>
      <c r="L287" s="73"/>
      <c r="M287" s="73"/>
      <c r="N287" s="73"/>
      <c r="O287" s="73"/>
      <c r="P287" s="73"/>
      <c r="Q287" s="73"/>
      <c r="R287" s="73"/>
      <c r="S287" s="73"/>
      <c r="T287" s="73"/>
      <c r="U287" s="73"/>
      <c r="V287" s="73"/>
      <c r="W287" s="73"/>
      <c r="X287" s="73"/>
      <c r="Y287" s="73"/>
      <c r="Z287" s="73"/>
      <c r="AA287" s="73"/>
      <c r="AB287" s="73"/>
      <c r="AC287" s="73"/>
      <c r="AD287" s="73"/>
      <c r="AE287" s="73"/>
      <c r="AF287" s="73"/>
    </row>
    <row r="314" spans="1:32" ht="20.25" customHeight="1" x14ac:dyDescent="0.4">
      <c r="A314" s="80"/>
      <c r="B314" s="73"/>
      <c r="C314" s="73"/>
      <c r="D314" s="73"/>
      <c r="E314" s="73"/>
      <c r="F314" s="73"/>
      <c r="G314" s="73"/>
      <c r="H314" s="73"/>
      <c r="I314" s="73"/>
      <c r="J314" s="73"/>
      <c r="K314" s="73"/>
      <c r="L314" s="73"/>
      <c r="M314" s="73"/>
      <c r="N314" s="73"/>
      <c r="O314" s="73"/>
      <c r="P314" s="73"/>
      <c r="Q314" s="73"/>
      <c r="R314" s="73"/>
      <c r="S314" s="73"/>
      <c r="T314" s="73"/>
      <c r="U314" s="73"/>
      <c r="V314" s="73"/>
      <c r="W314" s="73"/>
      <c r="X314" s="73"/>
      <c r="Y314" s="73"/>
      <c r="Z314" s="73"/>
      <c r="AA314" s="73"/>
      <c r="AB314" s="73"/>
      <c r="AC314" s="73"/>
      <c r="AD314" s="73"/>
      <c r="AE314" s="73"/>
      <c r="AF314" s="73"/>
    </row>
    <row r="342" spans="29:32" ht="20.25" customHeight="1" x14ac:dyDescent="0.4">
      <c r="AC342" s="78"/>
      <c r="AF342" s="77"/>
    </row>
    <row r="343" spans="29:32" ht="20.25" customHeight="1" x14ac:dyDescent="0.4">
      <c r="AC343" s="78"/>
      <c r="AF343" s="77"/>
    </row>
    <row r="344" spans="29:32" ht="20.25" customHeight="1" x14ac:dyDescent="0.4">
      <c r="AC344" s="78"/>
      <c r="AF344" s="77"/>
    </row>
    <row r="345" spans="29:32" ht="20.25" customHeight="1" x14ac:dyDescent="0.4">
      <c r="AC345" s="78"/>
      <c r="AF345" s="77"/>
    </row>
    <row r="346" spans="29:32" ht="20.25" customHeight="1" x14ac:dyDescent="0.4">
      <c r="AC346" s="78"/>
      <c r="AF346" s="77"/>
    </row>
    <row r="347" spans="29:32" ht="20.25" customHeight="1" x14ac:dyDescent="0.4">
      <c r="AC347" s="78"/>
      <c r="AF347" s="77"/>
    </row>
    <row r="348" spans="29:32" ht="20.25" customHeight="1" x14ac:dyDescent="0.4">
      <c r="AC348" s="78"/>
      <c r="AF348" s="77"/>
    </row>
    <row r="349" spans="29:32" ht="20.25" customHeight="1" x14ac:dyDescent="0.4">
      <c r="AC349" s="78"/>
      <c r="AF349" s="77"/>
    </row>
    <row r="350" spans="29:32" ht="20.25" customHeight="1" x14ac:dyDescent="0.4">
      <c r="AC350" s="78"/>
      <c r="AF350" s="77"/>
    </row>
    <row r="351" spans="29:32" ht="20.25" customHeight="1" x14ac:dyDescent="0.4">
      <c r="AC351" s="78"/>
      <c r="AF351" s="77"/>
    </row>
    <row r="352" spans="29:32" ht="20.25" customHeight="1" x14ac:dyDescent="0.4">
      <c r="AC352" s="78"/>
      <c r="AF352" s="77"/>
    </row>
    <row r="353" spans="1:32" ht="20.25" customHeight="1" x14ac:dyDescent="0.4">
      <c r="AC353" s="78"/>
      <c r="AF353" s="77"/>
    </row>
    <row r="354" spans="1:32" ht="20.25" customHeight="1" x14ac:dyDescent="0.4">
      <c r="AC354" s="78"/>
      <c r="AF354" s="77"/>
    </row>
    <row r="355" spans="1:32" ht="20.25" customHeight="1" x14ac:dyDescent="0.4">
      <c r="AC355" s="78"/>
      <c r="AF355" s="77"/>
    </row>
    <row r="356" spans="1:32" ht="20.25" customHeight="1" x14ac:dyDescent="0.4">
      <c r="AC356" s="78"/>
      <c r="AF356" s="77"/>
    </row>
    <row r="357" spans="1:32" ht="20.25" customHeight="1" x14ac:dyDescent="0.4">
      <c r="AC357" s="78"/>
      <c r="AF357" s="77"/>
    </row>
    <row r="358" spans="1:32" ht="20.25" customHeight="1" x14ac:dyDescent="0.4">
      <c r="AC358" s="78"/>
      <c r="AF358" s="77"/>
    </row>
    <row r="359" spans="1:32" ht="20.25" customHeight="1" x14ac:dyDescent="0.4">
      <c r="H359" s="79"/>
      <c r="AC359" s="78"/>
      <c r="AF359" s="77"/>
    </row>
    <row r="360" spans="1:32" ht="20.25" customHeight="1" x14ac:dyDescent="0.4">
      <c r="H360" s="79"/>
      <c r="AC360" s="78"/>
      <c r="AF360" s="77"/>
    </row>
    <row r="361" spans="1:32" ht="20.25" customHeight="1" x14ac:dyDescent="0.4">
      <c r="H361" s="79"/>
      <c r="AC361" s="78"/>
      <c r="AF361" s="77"/>
    </row>
    <row r="362" spans="1:32" ht="20.25" customHeight="1" x14ac:dyDescent="0.4">
      <c r="H362" s="79"/>
      <c r="AC362" s="78"/>
      <c r="AF362" s="77"/>
    </row>
    <row r="363" spans="1:32" ht="20.25" customHeight="1" x14ac:dyDescent="0.4">
      <c r="H363" s="79"/>
      <c r="AC363" s="78"/>
      <c r="AF363" s="77"/>
    </row>
    <row r="364" spans="1:32" ht="20.25" customHeight="1" x14ac:dyDescent="0.4">
      <c r="A364" s="76"/>
      <c r="B364" s="73"/>
      <c r="C364" s="73"/>
      <c r="D364" s="73"/>
      <c r="E364" s="73"/>
      <c r="F364" s="73"/>
      <c r="G364" s="72"/>
      <c r="H364" s="75"/>
      <c r="I364" s="74"/>
      <c r="J364" s="73"/>
      <c r="K364" s="73"/>
      <c r="L364" s="73"/>
      <c r="M364" s="73"/>
      <c r="N364" s="73"/>
      <c r="O364" s="73"/>
      <c r="P364" s="73"/>
      <c r="Q364" s="73"/>
      <c r="R364" s="73"/>
      <c r="S364" s="73"/>
      <c r="T364" s="73"/>
      <c r="U364" s="73"/>
      <c r="V364" s="73"/>
      <c r="W364" s="73"/>
      <c r="X364" s="73"/>
      <c r="Y364" s="73"/>
      <c r="Z364" s="73"/>
      <c r="AA364" s="73"/>
      <c r="AB364" s="72"/>
      <c r="AC364" s="74"/>
      <c r="AD364" s="73"/>
      <c r="AE364" s="73"/>
      <c r="AF364" s="72"/>
    </row>
    <row r="388" spans="1:32" ht="20.25" customHeight="1" x14ac:dyDescent="0.4">
      <c r="A388" s="80"/>
      <c r="B388" s="73"/>
      <c r="C388" s="73"/>
      <c r="D388" s="73"/>
      <c r="E388" s="73"/>
      <c r="F388" s="73"/>
      <c r="G388" s="73"/>
      <c r="H388" s="73"/>
      <c r="I388" s="73"/>
      <c r="J388" s="73"/>
      <c r="K388" s="73"/>
      <c r="L388" s="73"/>
      <c r="M388" s="73"/>
      <c r="N388" s="73"/>
      <c r="O388" s="73"/>
      <c r="P388" s="73"/>
      <c r="Q388" s="73"/>
      <c r="R388" s="73"/>
      <c r="S388" s="73"/>
      <c r="T388" s="73"/>
      <c r="U388" s="73"/>
      <c r="V388" s="73"/>
      <c r="W388" s="73"/>
      <c r="X388" s="73"/>
      <c r="Y388" s="73"/>
      <c r="Z388" s="73"/>
      <c r="AA388" s="73"/>
      <c r="AB388" s="73"/>
      <c r="AC388" s="73"/>
      <c r="AD388" s="73"/>
      <c r="AE388" s="73"/>
      <c r="AF388" s="73"/>
    </row>
    <row r="416" spans="1:32" ht="20.25" customHeight="1" x14ac:dyDescent="0.4">
      <c r="A416" s="80"/>
      <c r="B416" s="73"/>
      <c r="C416" s="73"/>
      <c r="D416" s="73"/>
      <c r="E416" s="73"/>
      <c r="F416" s="73"/>
      <c r="G416" s="73"/>
      <c r="H416" s="73"/>
      <c r="I416" s="73"/>
      <c r="J416" s="73"/>
      <c r="K416" s="73"/>
      <c r="L416" s="73"/>
      <c r="M416" s="73"/>
      <c r="N416" s="73"/>
      <c r="O416" s="73"/>
      <c r="P416" s="73"/>
      <c r="Q416" s="73"/>
      <c r="R416" s="73"/>
      <c r="S416" s="73"/>
      <c r="T416" s="73"/>
      <c r="U416" s="73"/>
      <c r="V416" s="73"/>
      <c r="W416" s="73"/>
      <c r="X416" s="73"/>
      <c r="Y416" s="73"/>
      <c r="Z416" s="73"/>
      <c r="AA416" s="73"/>
      <c r="AB416" s="73"/>
      <c r="AC416" s="73"/>
      <c r="AD416" s="73"/>
      <c r="AE416" s="73"/>
      <c r="AF416" s="73"/>
    </row>
    <row r="444" spans="1:32" ht="20.25" customHeight="1" x14ac:dyDescent="0.4">
      <c r="A444" s="80"/>
      <c r="B444" s="73"/>
      <c r="C444" s="73"/>
      <c r="D444" s="73"/>
      <c r="E444" s="73"/>
      <c r="F444" s="73"/>
      <c r="G444" s="73"/>
      <c r="H444" s="73"/>
      <c r="I444" s="73"/>
      <c r="J444" s="73"/>
      <c r="K444" s="73"/>
      <c r="L444" s="73"/>
      <c r="M444" s="73"/>
      <c r="N444" s="73"/>
      <c r="O444" s="73"/>
      <c r="P444" s="73"/>
      <c r="Q444" s="73"/>
      <c r="R444" s="73"/>
      <c r="S444" s="73"/>
      <c r="T444" s="73"/>
      <c r="U444" s="73"/>
      <c r="V444" s="73"/>
      <c r="W444" s="73"/>
      <c r="X444" s="73"/>
      <c r="Y444" s="73"/>
      <c r="Z444" s="73"/>
      <c r="AA444" s="73"/>
      <c r="AB444" s="73"/>
      <c r="AC444" s="73"/>
      <c r="AD444" s="73"/>
      <c r="AE444" s="73"/>
      <c r="AF444" s="73"/>
    </row>
    <row r="468" spans="1:32" ht="20.25" customHeight="1" x14ac:dyDescent="0.4">
      <c r="A468" s="80"/>
      <c r="B468" s="73"/>
      <c r="C468" s="73"/>
      <c r="D468" s="73"/>
      <c r="E468" s="73"/>
      <c r="F468" s="73"/>
      <c r="G468" s="73"/>
      <c r="H468" s="73"/>
      <c r="I468" s="73"/>
      <c r="J468" s="73"/>
      <c r="K468" s="73"/>
      <c r="L468" s="73"/>
      <c r="M468" s="73"/>
      <c r="N468" s="73"/>
      <c r="O468" s="73"/>
      <c r="P468" s="73"/>
      <c r="Q468" s="73"/>
      <c r="R468" s="73"/>
      <c r="S468" s="73"/>
      <c r="T468" s="73"/>
      <c r="U468" s="73"/>
      <c r="V468" s="73"/>
      <c r="W468" s="73"/>
      <c r="X468" s="73"/>
      <c r="Y468" s="73"/>
      <c r="Z468" s="73"/>
      <c r="AA468" s="73"/>
      <c r="AB468" s="73"/>
      <c r="AC468" s="73"/>
      <c r="AD468" s="73"/>
      <c r="AE468" s="73"/>
      <c r="AF468" s="73"/>
    </row>
    <row r="497" spans="1:32" ht="20.25" customHeight="1" x14ac:dyDescent="0.4">
      <c r="A497" s="80"/>
      <c r="B497" s="73"/>
      <c r="C497" s="73"/>
      <c r="D497" s="73"/>
      <c r="E497" s="73"/>
      <c r="F497" s="73"/>
      <c r="G497" s="73"/>
      <c r="H497" s="73"/>
      <c r="I497" s="73"/>
      <c r="J497" s="73"/>
      <c r="K497" s="73"/>
      <c r="L497" s="73"/>
      <c r="M497" s="73"/>
      <c r="N497" s="73"/>
      <c r="O497" s="73"/>
      <c r="P497" s="73"/>
      <c r="Q497" s="73"/>
      <c r="R497" s="73"/>
      <c r="S497" s="73"/>
      <c r="T497" s="73"/>
      <c r="U497" s="73"/>
      <c r="V497" s="73"/>
      <c r="W497" s="73"/>
      <c r="X497" s="73"/>
      <c r="Y497" s="73"/>
      <c r="Z497" s="73"/>
      <c r="AA497" s="73"/>
      <c r="AB497" s="73"/>
      <c r="AC497" s="73"/>
      <c r="AD497" s="73"/>
      <c r="AE497" s="73"/>
      <c r="AF497" s="73"/>
    </row>
    <row r="526" spans="1:32" ht="20.25" customHeight="1" x14ac:dyDescent="0.4">
      <c r="A526" s="80"/>
      <c r="B526" s="73"/>
      <c r="C526" s="73"/>
      <c r="D526" s="73"/>
      <c r="E526" s="73"/>
      <c r="F526" s="73"/>
      <c r="G526" s="73"/>
      <c r="H526" s="73"/>
      <c r="I526" s="73"/>
      <c r="J526" s="73"/>
      <c r="K526" s="73"/>
      <c r="L526" s="73"/>
      <c r="M526" s="73"/>
      <c r="N526" s="73"/>
      <c r="O526" s="73"/>
      <c r="P526" s="73"/>
      <c r="Q526" s="73"/>
      <c r="R526" s="73"/>
      <c r="S526" s="73"/>
      <c r="T526" s="73"/>
      <c r="U526" s="73"/>
      <c r="V526" s="73"/>
      <c r="W526" s="73"/>
      <c r="X526" s="73"/>
      <c r="Y526" s="73"/>
      <c r="Z526" s="73"/>
      <c r="AA526" s="73"/>
      <c r="AB526" s="73"/>
      <c r="AC526" s="73"/>
      <c r="AD526" s="73"/>
      <c r="AE526" s="73"/>
      <c r="AF526" s="73"/>
    </row>
    <row r="570" spans="1:32" ht="20.25" customHeight="1" x14ac:dyDescent="0.4">
      <c r="H570" s="79"/>
    </row>
    <row r="571" spans="1:32" ht="20.25" customHeight="1" x14ac:dyDescent="0.4">
      <c r="H571" s="79"/>
    </row>
    <row r="572" spans="1:32" ht="20.25" customHeight="1" x14ac:dyDescent="0.4">
      <c r="H572" s="79"/>
    </row>
    <row r="573" spans="1:32" ht="20.25" customHeight="1" x14ac:dyDescent="0.4">
      <c r="H573" s="79"/>
    </row>
    <row r="574" spans="1:32" ht="20.25" customHeight="1" x14ac:dyDescent="0.4">
      <c r="H574" s="79"/>
    </row>
    <row r="575" spans="1:32" ht="20.25" customHeight="1" x14ac:dyDescent="0.4">
      <c r="A575" s="76"/>
      <c r="B575" s="73"/>
      <c r="C575" s="73"/>
      <c r="D575" s="73"/>
      <c r="E575" s="73"/>
      <c r="F575" s="73"/>
      <c r="G575" s="72"/>
      <c r="H575" s="75"/>
      <c r="I575" s="74"/>
      <c r="J575" s="73"/>
      <c r="K575" s="73"/>
      <c r="L575" s="73"/>
      <c r="M575" s="73"/>
      <c r="N575" s="73"/>
      <c r="O575" s="73"/>
      <c r="P575" s="73"/>
      <c r="Q575" s="73"/>
      <c r="R575" s="73"/>
      <c r="S575" s="73"/>
      <c r="T575" s="73"/>
      <c r="U575" s="73"/>
      <c r="V575" s="73"/>
      <c r="W575" s="73"/>
      <c r="X575" s="73"/>
      <c r="Y575" s="73"/>
      <c r="Z575" s="73"/>
      <c r="AA575" s="73"/>
      <c r="AB575" s="73"/>
      <c r="AC575" s="73"/>
      <c r="AD575" s="73"/>
      <c r="AE575" s="73"/>
      <c r="AF575" s="72"/>
    </row>
    <row r="596" spans="1:32" ht="20.25" customHeight="1" x14ac:dyDescent="0.4">
      <c r="AC596" s="78"/>
      <c r="AF596" s="77"/>
    </row>
    <row r="597" spans="1:32" ht="20.25" customHeight="1" x14ac:dyDescent="0.4">
      <c r="AC597" s="78"/>
      <c r="AF597" s="77"/>
    </row>
    <row r="598" spans="1:32" ht="20.25" customHeight="1" x14ac:dyDescent="0.4">
      <c r="AC598" s="78"/>
      <c r="AF598" s="77"/>
    </row>
    <row r="599" spans="1:32" ht="20.25" customHeight="1" x14ac:dyDescent="0.4">
      <c r="AC599" s="78"/>
      <c r="AF599" s="77"/>
    </row>
    <row r="600" spans="1:32" ht="20.25" customHeight="1" x14ac:dyDescent="0.4">
      <c r="AC600" s="78"/>
      <c r="AF600" s="77"/>
    </row>
    <row r="601" spans="1:32" ht="20.25" customHeight="1" x14ac:dyDescent="0.4">
      <c r="AC601" s="78"/>
      <c r="AF601" s="77"/>
    </row>
    <row r="602" spans="1:32" ht="20.25" customHeight="1" x14ac:dyDescent="0.4">
      <c r="AC602" s="78"/>
      <c r="AF602" s="77"/>
    </row>
    <row r="603" spans="1:32" ht="20.25" customHeight="1" x14ac:dyDescent="0.4">
      <c r="AC603" s="78"/>
      <c r="AF603" s="77"/>
    </row>
    <row r="604" spans="1:32" ht="20.25" customHeight="1" x14ac:dyDescent="0.4">
      <c r="AC604" s="78"/>
      <c r="AF604" s="77"/>
    </row>
    <row r="605" spans="1:32" ht="20.25" customHeight="1" x14ac:dyDescent="0.4">
      <c r="AC605" s="78"/>
      <c r="AF605" s="77"/>
    </row>
    <row r="606" spans="1:32" ht="20.25" customHeight="1" x14ac:dyDescent="0.4">
      <c r="A606" s="76"/>
      <c r="B606" s="73"/>
      <c r="C606" s="73"/>
      <c r="D606" s="73"/>
      <c r="E606" s="73"/>
      <c r="F606" s="73"/>
      <c r="G606" s="73"/>
      <c r="H606" s="73"/>
      <c r="I606" s="73"/>
      <c r="J606" s="73"/>
      <c r="K606" s="73"/>
      <c r="L606" s="73"/>
      <c r="M606" s="73"/>
      <c r="N606" s="73"/>
      <c r="O606" s="73"/>
      <c r="P606" s="73"/>
      <c r="Q606" s="73"/>
      <c r="R606" s="73"/>
      <c r="S606" s="73"/>
      <c r="T606" s="73"/>
      <c r="U606" s="73"/>
      <c r="V606" s="73"/>
      <c r="W606" s="73"/>
      <c r="X606" s="73"/>
      <c r="Y606" s="73"/>
      <c r="Z606" s="73"/>
      <c r="AA606" s="73"/>
      <c r="AB606" s="72"/>
      <c r="AC606" s="74"/>
      <c r="AD606" s="73"/>
      <c r="AE606" s="73"/>
      <c r="AF606" s="72"/>
    </row>
    <row r="645" spans="1:32" ht="20.25" customHeight="1" x14ac:dyDescent="0.4">
      <c r="H645" s="79"/>
    </row>
    <row r="646" spans="1:32" ht="20.25" customHeight="1" x14ac:dyDescent="0.4">
      <c r="H646" s="79"/>
    </row>
    <row r="647" spans="1:32" ht="20.25" customHeight="1" x14ac:dyDescent="0.4">
      <c r="H647" s="79"/>
    </row>
    <row r="648" spans="1:32" ht="20.25" customHeight="1" x14ac:dyDescent="0.4">
      <c r="H648" s="79"/>
    </row>
    <row r="649" spans="1:32" ht="20.25" customHeight="1" x14ac:dyDescent="0.4">
      <c r="H649" s="79"/>
    </row>
    <row r="650" spans="1:32" ht="20.25" customHeight="1" x14ac:dyDescent="0.4">
      <c r="A650" s="76"/>
      <c r="B650" s="73"/>
      <c r="C650" s="73"/>
      <c r="D650" s="73"/>
      <c r="E650" s="73"/>
      <c r="F650" s="73"/>
      <c r="G650" s="72"/>
      <c r="H650" s="75"/>
      <c r="I650" s="74"/>
      <c r="J650" s="73"/>
      <c r="K650" s="73"/>
      <c r="L650" s="73"/>
      <c r="M650" s="73"/>
      <c r="N650" s="73"/>
      <c r="O650" s="73"/>
      <c r="P650" s="73"/>
      <c r="Q650" s="73"/>
      <c r="R650" s="73"/>
      <c r="S650" s="73"/>
      <c r="T650" s="73"/>
      <c r="U650" s="73"/>
      <c r="V650" s="73"/>
      <c r="W650" s="73"/>
      <c r="X650" s="73"/>
      <c r="Y650" s="73"/>
      <c r="Z650" s="73"/>
      <c r="AA650" s="73"/>
      <c r="AB650" s="73"/>
      <c r="AC650" s="73"/>
      <c r="AD650" s="73"/>
      <c r="AE650" s="73"/>
      <c r="AF650" s="72"/>
    </row>
    <row r="686" spans="1:32" ht="20.25" customHeight="1" x14ac:dyDescent="0.4">
      <c r="A686" s="80"/>
      <c r="B686" s="73"/>
      <c r="C686" s="73"/>
      <c r="D686" s="73"/>
      <c r="E686" s="73"/>
      <c r="F686" s="73"/>
      <c r="G686" s="73"/>
      <c r="H686" s="73"/>
      <c r="I686" s="73"/>
      <c r="J686" s="73"/>
      <c r="K686" s="73"/>
      <c r="L686" s="73"/>
      <c r="M686" s="73"/>
      <c r="N686" s="73"/>
      <c r="O686" s="73"/>
      <c r="P686" s="73"/>
      <c r="Q686" s="73"/>
      <c r="R686" s="73"/>
      <c r="S686" s="73"/>
      <c r="T686" s="73"/>
      <c r="U686" s="73"/>
      <c r="V686" s="73"/>
      <c r="W686" s="73"/>
      <c r="X686" s="73"/>
      <c r="Y686" s="73"/>
      <c r="Z686" s="73"/>
      <c r="AA686" s="73"/>
      <c r="AB686" s="73"/>
      <c r="AC686" s="73"/>
      <c r="AD686" s="73"/>
      <c r="AE686" s="73"/>
      <c r="AF686" s="73"/>
    </row>
    <row r="687" spans="1:32" ht="20.25" customHeight="1" x14ac:dyDescent="0.4">
      <c r="AC687" s="78"/>
      <c r="AF687" s="77"/>
    </row>
    <row r="688" spans="1:32" ht="20.25" customHeight="1" x14ac:dyDescent="0.4">
      <c r="AC688" s="78"/>
      <c r="AF688" s="77"/>
    </row>
    <row r="689" spans="29:32" ht="20.25" customHeight="1" x14ac:dyDescent="0.4">
      <c r="AC689" s="78"/>
      <c r="AF689" s="77"/>
    </row>
    <row r="690" spans="29:32" ht="20.25" customHeight="1" x14ac:dyDescent="0.4">
      <c r="AC690" s="78"/>
      <c r="AF690" s="77"/>
    </row>
    <row r="691" spans="29:32" ht="20.25" customHeight="1" x14ac:dyDescent="0.4">
      <c r="AC691" s="78"/>
      <c r="AF691" s="77"/>
    </row>
    <row r="692" spans="29:32" ht="20.25" customHeight="1" x14ac:dyDescent="0.4">
      <c r="AC692" s="78"/>
      <c r="AF692" s="77"/>
    </row>
    <row r="693" spans="29:32" ht="20.25" customHeight="1" x14ac:dyDescent="0.4">
      <c r="AC693" s="78"/>
      <c r="AF693" s="77"/>
    </row>
    <row r="694" spans="29:32" ht="20.25" customHeight="1" x14ac:dyDescent="0.4">
      <c r="AC694" s="78"/>
      <c r="AF694" s="77"/>
    </row>
    <row r="695" spans="29:32" ht="20.25" customHeight="1" x14ac:dyDescent="0.4">
      <c r="AC695" s="78"/>
      <c r="AF695" s="77"/>
    </row>
    <row r="696" spans="29:32" ht="20.25" customHeight="1" x14ac:dyDescent="0.4">
      <c r="AC696" s="78"/>
      <c r="AF696" s="77"/>
    </row>
    <row r="697" spans="29:32" ht="20.25" customHeight="1" x14ac:dyDescent="0.4">
      <c r="AC697" s="78"/>
      <c r="AF697" s="77"/>
    </row>
    <row r="698" spans="29:32" ht="20.25" customHeight="1" x14ac:dyDescent="0.4">
      <c r="AC698" s="78"/>
      <c r="AF698" s="77"/>
    </row>
    <row r="699" spans="29:32" ht="20.25" customHeight="1" x14ac:dyDescent="0.4">
      <c r="AC699" s="78"/>
      <c r="AF699" s="77"/>
    </row>
    <row r="700" spans="29:32" ht="20.25" customHeight="1" x14ac:dyDescent="0.4">
      <c r="AC700" s="78"/>
      <c r="AF700" s="77"/>
    </row>
    <row r="701" spans="29:32" ht="20.25" customHeight="1" x14ac:dyDescent="0.4">
      <c r="AC701" s="78"/>
      <c r="AF701" s="77"/>
    </row>
    <row r="702" spans="29:32" ht="20.25" customHeight="1" x14ac:dyDescent="0.4">
      <c r="AC702" s="78"/>
      <c r="AF702" s="77"/>
    </row>
    <row r="703" spans="29:32" ht="20.25" customHeight="1" x14ac:dyDescent="0.4">
      <c r="AC703" s="78"/>
      <c r="AF703" s="77"/>
    </row>
    <row r="704" spans="29:32" ht="20.25" customHeight="1" x14ac:dyDescent="0.4">
      <c r="AC704" s="78"/>
      <c r="AF704" s="77"/>
    </row>
    <row r="705" spans="8:32" ht="20.25" customHeight="1" x14ac:dyDescent="0.4">
      <c r="AC705" s="78"/>
      <c r="AF705" s="77"/>
    </row>
    <row r="706" spans="8:32" ht="20.25" customHeight="1" x14ac:dyDescent="0.4">
      <c r="AC706" s="78"/>
      <c r="AF706" s="77"/>
    </row>
    <row r="707" spans="8:32" ht="20.25" customHeight="1" x14ac:dyDescent="0.4">
      <c r="AC707" s="78"/>
      <c r="AF707" s="77"/>
    </row>
    <row r="708" spans="8:32" ht="20.25" customHeight="1" x14ac:dyDescent="0.4">
      <c r="AC708" s="78"/>
      <c r="AF708" s="77"/>
    </row>
    <row r="709" spans="8:32" ht="20.25" customHeight="1" x14ac:dyDescent="0.4">
      <c r="AC709" s="78"/>
      <c r="AF709" s="77"/>
    </row>
    <row r="710" spans="8:32" ht="20.25" customHeight="1" x14ac:dyDescent="0.4">
      <c r="AC710" s="78"/>
      <c r="AF710" s="77"/>
    </row>
    <row r="711" spans="8:32" ht="20.25" customHeight="1" x14ac:dyDescent="0.4">
      <c r="AC711" s="78"/>
      <c r="AF711" s="77"/>
    </row>
    <row r="712" spans="8:32" ht="20.25" customHeight="1" x14ac:dyDescent="0.4">
      <c r="AC712" s="78"/>
      <c r="AF712" s="77"/>
    </row>
    <row r="713" spans="8:32" ht="20.25" customHeight="1" x14ac:dyDescent="0.4">
      <c r="AC713" s="78"/>
      <c r="AF713" s="77"/>
    </row>
    <row r="714" spans="8:32" ht="20.25" customHeight="1" x14ac:dyDescent="0.4">
      <c r="AC714" s="78"/>
      <c r="AF714" s="77"/>
    </row>
    <row r="715" spans="8:32" ht="20.25" customHeight="1" x14ac:dyDescent="0.4">
      <c r="AC715" s="78"/>
      <c r="AF715" s="77"/>
    </row>
    <row r="716" spans="8:32" ht="20.25" customHeight="1" x14ac:dyDescent="0.4">
      <c r="AC716" s="78"/>
      <c r="AF716" s="77"/>
    </row>
    <row r="717" spans="8:32" ht="20.25" customHeight="1" x14ac:dyDescent="0.4">
      <c r="AC717" s="78"/>
      <c r="AF717" s="77"/>
    </row>
    <row r="718" spans="8:32" ht="20.25" customHeight="1" x14ac:dyDescent="0.4">
      <c r="AC718" s="78"/>
      <c r="AF718" s="77"/>
    </row>
    <row r="719" spans="8:32" ht="20.25" customHeight="1" x14ac:dyDescent="0.4">
      <c r="AC719" s="78"/>
      <c r="AF719" s="77"/>
    </row>
    <row r="720" spans="8:32" ht="20.25" customHeight="1" x14ac:dyDescent="0.4">
      <c r="H720" s="79"/>
      <c r="AC720" s="78"/>
      <c r="AF720" s="77"/>
    </row>
    <row r="721" spans="1:32" ht="20.25" customHeight="1" x14ac:dyDescent="0.4">
      <c r="H721" s="79"/>
      <c r="AC721" s="78"/>
      <c r="AF721" s="77"/>
    </row>
    <row r="722" spans="1:32" ht="20.25" customHeight="1" x14ac:dyDescent="0.4">
      <c r="H722" s="79"/>
      <c r="AC722" s="78"/>
      <c r="AF722" s="77"/>
    </row>
    <row r="723" spans="1:32" ht="20.25" customHeight="1" x14ac:dyDescent="0.4">
      <c r="H723" s="79"/>
      <c r="AC723" s="78"/>
      <c r="AF723" s="77"/>
    </row>
    <row r="724" spans="1:32" ht="20.25" customHeight="1" x14ac:dyDescent="0.4">
      <c r="H724" s="79"/>
      <c r="AC724" s="78"/>
      <c r="AF724" s="77"/>
    </row>
    <row r="725" spans="1:32" ht="20.25" customHeight="1" x14ac:dyDescent="0.4">
      <c r="A725" s="76"/>
      <c r="B725" s="73"/>
      <c r="C725" s="73"/>
      <c r="D725" s="73"/>
      <c r="E725" s="73"/>
      <c r="F725" s="73"/>
      <c r="G725" s="72"/>
      <c r="H725" s="75"/>
      <c r="I725" s="74"/>
      <c r="J725" s="73"/>
      <c r="K725" s="73"/>
      <c r="L725" s="73"/>
      <c r="M725" s="73"/>
      <c r="N725" s="73"/>
      <c r="O725" s="73"/>
      <c r="P725" s="73"/>
      <c r="Q725" s="73"/>
      <c r="R725" s="73"/>
      <c r="S725" s="73"/>
      <c r="T725" s="73"/>
      <c r="U725" s="73"/>
      <c r="V725" s="73"/>
      <c r="W725" s="73"/>
      <c r="X725" s="73"/>
      <c r="Y725" s="73"/>
      <c r="Z725" s="73"/>
      <c r="AA725" s="73"/>
      <c r="AB725" s="72"/>
      <c r="AC725" s="74"/>
      <c r="AD725" s="73"/>
      <c r="AE725" s="73"/>
      <c r="AF725" s="72"/>
    </row>
    <row r="726" spans="1:32" ht="20.25" customHeight="1" x14ac:dyDescent="0.4">
      <c r="AC726" s="78"/>
      <c r="AF726" s="77"/>
    </row>
    <row r="727" spans="1:32" ht="20.25" customHeight="1" x14ac:dyDescent="0.4">
      <c r="AC727" s="78"/>
      <c r="AF727" s="77"/>
    </row>
    <row r="728" spans="1:32" ht="20.25" customHeight="1" x14ac:dyDescent="0.4">
      <c r="AC728" s="78"/>
      <c r="AF728" s="77"/>
    </row>
    <row r="729" spans="1:32" ht="20.25" customHeight="1" x14ac:dyDescent="0.4">
      <c r="AC729" s="78"/>
      <c r="AF729" s="77"/>
    </row>
    <row r="730" spans="1:32" ht="20.25" customHeight="1" x14ac:dyDescent="0.4">
      <c r="AC730" s="78"/>
      <c r="AF730" s="77"/>
    </row>
    <row r="731" spans="1:32" ht="20.25" customHeight="1" x14ac:dyDescent="0.4">
      <c r="AC731" s="78"/>
      <c r="AF731" s="77"/>
    </row>
    <row r="732" spans="1:32" ht="20.25" customHeight="1" x14ac:dyDescent="0.4">
      <c r="AC732" s="78"/>
      <c r="AF732" s="77"/>
    </row>
    <row r="733" spans="1:32" ht="20.25" customHeight="1" x14ac:dyDescent="0.4">
      <c r="AC733" s="78"/>
      <c r="AF733" s="77"/>
    </row>
    <row r="734" spans="1:32" ht="20.25" customHeight="1" x14ac:dyDescent="0.4">
      <c r="AC734" s="78"/>
      <c r="AF734" s="77"/>
    </row>
    <row r="735" spans="1:32" ht="20.25" customHeight="1" x14ac:dyDescent="0.4">
      <c r="AC735" s="78"/>
      <c r="AF735" s="77"/>
    </row>
    <row r="736" spans="1:32" ht="20.25" customHeight="1" x14ac:dyDescent="0.4">
      <c r="AC736" s="78"/>
      <c r="AF736" s="77"/>
    </row>
    <row r="737" spans="8:32" ht="20.25" customHeight="1" x14ac:dyDescent="0.4">
      <c r="AC737" s="78"/>
      <c r="AF737" s="77"/>
    </row>
    <row r="738" spans="8:32" ht="20.25" customHeight="1" x14ac:dyDescent="0.4">
      <c r="AC738" s="78"/>
      <c r="AF738" s="77"/>
    </row>
    <row r="739" spans="8:32" ht="20.25" customHeight="1" x14ac:dyDescent="0.4">
      <c r="AC739" s="78"/>
      <c r="AF739" s="77"/>
    </row>
    <row r="740" spans="8:32" ht="20.25" customHeight="1" x14ac:dyDescent="0.4">
      <c r="AC740" s="78"/>
      <c r="AF740" s="77"/>
    </row>
    <row r="741" spans="8:32" ht="20.25" customHeight="1" x14ac:dyDescent="0.4">
      <c r="AC741" s="78"/>
      <c r="AF741" s="77"/>
    </row>
    <row r="742" spans="8:32" ht="20.25" customHeight="1" x14ac:dyDescent="0.4">
      <c r="AC742" s="78"/>
      <c r="AF742" s="77"/>
    </row>
    <row r="743" spans="8:32" ht="20.25" customHeight="1" x14ac:dyDescent="0.4">
      <c r="AC743" s="78"/>
      <c r="AF743" s="77"/>
    </row>
    <row r="744" spans="8:32" ht="20.25" customHeight="1" x14ac:dyDescent="0.4">
      <c r="AC744" s="78"/>
      <c r="AF744" s="77"/>
    </row>
    <row r="745" spans="8:32" ht="20.25" customHeight="1" x14ac:dyDescent="0.4">
      <c r="AC745" s="78"/>
      <c r="AF745" s="77"/>
    </row>
    <row r="746" spans="8:32" ht="20.25" customHeight="1" x14ac:dyDescent="0.4">
      <c r="AC746" s="78"/>
      <c r="AF746" s="77"/>
    </row>
    <row r="747" spans="8:32" ht="20.25" customHeight="1" x14ac:dyDescent="0.4">
      <c r="AC747" s="78"/>
      <c r="AF747" s="77"/>
    </row>
    <row r="748" spans="8:32" ht="20.25" customHeight="1" x14ac:dyDescent="0.4">
      <c r="AC748" s="78"/>
      <c r="AF748" s="77"/>
    </row>
    <row r="749" spans="8:32" ht="20.25" customHeight="1" x14ac:dyDescent="0.4">
      <c r="H749" s="79"/>
      <c r="AC749" s="78"/>
      <c r="AF749" s="77"/>
    </row>
    <row r="750" spans="8:32" ht="20.25" customHeight="1" x14ac:dyDescent="0.4">
      <c r="H750" s="79"/>
      <c r="AC750" s="78"/>
      <c r="AF750" s="77"/>
    </row>
    <row r="751" spans="8:32" ht="20.25" customHeight="1" x14ac:dyDescent="0.4">
      <c r="H751" s="79"/>
      <c r="AC751" s="78"/>
      <c r="AF751" s="77"/>
    </row>
    <row r="752" spans="8:32" ht="20.25" customHeight="1" x14ac:dyDescent="0.4">
      <c r="H752" s="79"/>
      <c r="AC752" s="78"/>
      <c r="AF752" s="77"/>
    </row>
    <row r="753" spans="1:32" ht="20.25" customHeight="1" x14ac:dyDescent="0.4">
      <c r="H753" s="79"/>
      <c r="AC753" s="78"/>
      <c r="AF753" s="77"/>
    </row>
    <row r="754" spans="1:32" ht="20.25" customHeight="1" x14ac:dyDescent="0.4">
      <c r="A754" s="76"/>
      <c r="B754" s="73"/>
      <c r="C754" s="73"/>
      <c r="D754" s="73"/>
      <c r="E754" s="73"/>
      <c r="F754" s="73"/>
      <c r="G754" s="72"/>
      <c r="H754" s="75"/>
      <c r="I754" s="74"/>
      <c r="J754" s="73"/>
      <c r="K754" s="73"/>
      <c r="L754" s="73"/>
      <c r="M754" s="73"/>
      <c r="N754" s="73"/>
      <c r="O754" s="73"/>
      <c r="P754" s="73"/>
      <c r="Q754" s="73"/>
      <c r="R754" s="73"/>
      <c r="S754" s="73"/>
      <c r="T754" s="73"/>
      <c r="U754" s="73"/>
      <c r="V754" s="73"/>
      <c r="W754" s="73"/>
      <c r="X754" s="73"/>
      <c r="Y754" s="73"/>
      <c r="Z754" s="73"/>
      <c r="AA754" s="73"/>
      <c r="AB754" s="72"/>
      <c r="AC754" s="74"/>
      <c r="AD754" s="73"/>
      <c r="AE754" s="73"/>
      <c r="AF754" s="72"/>
    </row>
    <row r="755" spans="1:32" ht="20.25" customHeight="1" x14ac:dyDescent="0.4">
      <c r="AC755" s="78"/>
      <c r="AF755" s="77"/>
    </row>
    <row r="756" spans="1:32" ht="20.25" customHeight="1" x14ac:dyDescent="0.4">
      <c r="AC756" s="78"/>
      <c r="AF756" s="77"/>
    </row>
    <row r="757" spans="1:32" ht="20.25" customHeight="1" x14ac:dyDescent="0.4">
      <c r="AC757" s="78"/>
      <c r="AF757" s="77"/>
    </row>
    <row r="758" spans="1:32" ht="20.25" customHeight="1" x14ac:dyDescent="0.4">
      <c r="AC758" s="78"/>
      <c r="AF758" s="77"/>
    </row>
    <row r="759" spans="1:32" ht="20.25" customHeight="1" x14ac:dyDescent="0.4">
      <c r="AC759" s="78"/>
      <c r="AF759" s="77"/>
    </row>
    <row r="760" spans="1:32" ht="20.25" customHeight="1" x14ac:dyDescent="0.4">
      <c r="AC760" s="78"/>
      <c r="AF760" s="77"/>
    </row>
    <row r="761" spans="1:32" ht="20.25" customHeight="1" x14ac:dyDescent="0.4">
      <c r="AC761" s="78"/>
      <c r="AF761" s="77"/>
    </row>
    <row r="762" spans="1:32" ht="20.25" customHeight="1" x14ac:dyDescent="0.4">
      <c r="AC762" s="78"/>
      <c r="AF762" s="77"/>
    </row>
    <row r="763" spans="1:32" ht="20.25" customHeight="1" x14ac:dyDescent="0.4">
      <c r="AC763" s="78"/>
      <c r="AF763" s="77"/>
    </row>
    <row r="764" spans="1:32" ht="20.25" customHeight="1" x14ac:dyDescent="0.4">
      <c r="AC764" s="78"/>
      <c r="AF764" s="77"/>
    </row>
    <row r="765" spans="1:32" ht="20.25" customHeight="1" x14ac:dyDescent="0.4">
      <c r="AC765" s="78"/>
      <c r="AF765" s="77"/>
    </row>
    <row r="766" spans="1:32" ht="20.25" customHeight="1" x14ac:dyDescent="0.4">
      <c r="AC766" s="78"/>
      <c r="AF766" s="77"/>
    </row>
    <row r="767" spans="1:32" ht="20.25" customHeight="1" x14ac:dyDescent="0.4">
      <c r="AC767" s="78"/>
      <c r="AF767" s="77"/>
    </row>
    <row r="768" spans="1:32" ht="20.25" customHeight="1" x14ac:dyDescent="0.4">
      <c r="AC768" s="78"/>
      <c r="AF768" s="77"/>
    </row>
    <row r="769" spans="29:32" ht="20.25" customHeight="1" x14ac:dyDescent="0.4">
      <c r="AC769" s="78"/>
      <c r="AF769" s="77"/>
    </row>
    <row r="770" spans="29:32" ht="20.25" customHeight="1" x14ac:dyDescent="0.4">
      <c r="AC770" s="78"/>
      <c r="AF770" s="77"/>
    </row>
    <row r="771" spans="29:32" ht="20.25" customHeight="1" x14ac:dyDescent="0.4">
      <c r="AC771" s="78"/>
      <c r="AF771" s="77"/>
    </row>
    <row r="772" spans="29:32" ht="20.25" customHeight="1" x14ac:dyDescent="0.4">
      <c r="AC772" s="78"/>
      <c r="AF772" s="77"/>
    </row>
    <row r="773" spans="29:32" ht="20.25" customHeight="1" x14ac:dyDescent="0.4">
      <c r="AC773" s="78"/>
      <c r="AF773" s="77"/>
    </row>
    <row r="774" spans="29:32" ht="20.25" customHeight="1" x14ac:dyDescent="0.4">
      <c r="AC774" s="78"/>
      <c r="AF774" s="77"/>
    </row>
    <row r="775" spans="29:32" ht="20.25" customHeight="1" x14ac:dyDescent="0.4">
      <c r="AC775" s="78"/>
      <c r="AF775" s="77"/>
    </row>
    <row r="776" spans="29:32" ht="20.25" customHeight="1" x14ac:dyDescent="0.4">
      <c r="AC776" s="78"/>
      <c r="AF776" s="77"/>
    </row>
    <row r="777" spans="29:32" ht="20.25" customHeight="1" x14ac:dyDescent="0.4">
      <c r="AC777" s="78"/>
      <c r="AF777" s="77"/>
    </row>
    <row r="778" spans="29:32" ht="20.25" customHeight="1" x14ac:dyDescent="0.4">
      <c r="AC778" s="78"/>
      <c r="AF778" s="77"/>
    </row>
    <row r="779" spans="29:32" ht="20.25" customHeight="1" x14ac:dyDescent="0.4">
      <c r="AC779" s="78"/>
      <c r="AF779" s="77"/>
    </row>
    <row r="780" spans="29:32" ht="20.25" customHeight="1" x14ac:dyDescent="0.4">
      <c r="AC780" s="78"/>
      <c r="AF780" s="77"/>
    </row>
    <row r="781" spans="29:32" ht="20.25" customHeight="1" x14ac:dyDescent="0.4">
      <c r="AC781" s="78"/>
      <c r="AF781" s="77"/>
    </row>
    <row r="782" spans="29:32" ht="20.25" customHeight="1" x14ac:dyDescent="0.4">
      <c r="AC782" s="78"/>
      <c r="AF782" s="77"/>
    </row>
    <row r="783" spans="29:32" ht="20.25" customHeight="1" x14ac:dyDescent="0.4">
      <c r="AC783" s="78"/>
      <c r="AF783" s="77"/>
    </row>
    <row r="784" spans="29:32" ht="20.25" customHeight="1" x14ac:dyDescent="0.4">
      <c r="AC784" s="78"/>
      <c r="AF784" s="77"/>
    </row>
    <row r="785" spans="1:32" ht="20.25" customHeight="1" x14ac:dyDescent="0.4">
      <c r="AC785" s="78"/>
      <c r="AF785" s="77"/>
    </row>
    <row r="786" spans="1:32" ht="20.25" customHeight="1" x14ac:dyDescent="0.4">
      <c r="AC786" s="78"/>
      <c r="AF786" s="77"/>
    </row>
    <row r="787" spans="1:32" ht="20.25" customHeight="1" x14ac:dyDescent="0.4">
      <c r="AC787" s="78"/>
      <c r="AF787" s="77"/>
    </row>
    <row r="788" spans="1:32" ht="20.25" customHeight="1" x14ac:dyDescent="0.4">
      <c r="H788" s="79"/>
      <c r="AC788" s="78"/>
      <c r="AF788" s="77"/>
    </row>
    <row r="789" spans="1:32" ht="20.25" customHeight="1" x14ac:dyDescent="0.4">
      <c r="H789" s="79"/>
      <c r="AC789" s="78"/>
      <c r="AF789" s="77"/>
    </row>
    <row r="790" spans="1:32" ht="20.25" customHeight="1" x14ac:dyDescent="0.4">
      <c r="H790" s="79"/>
      <c r="AC790" s="78"/>
      <c r="AF790" s="77"/>
    </row>
    <row r="791" spans="1:32" ht="20.25" customHeight="1" x14ac:dyDescent="0.4">
      <c r="H791" s="79"/>
      <c r="AC791" s="78"/>
      <c r="AF791" s="77"/>
    </row>
    <row r="792" spans="1:32" ht="20.25" customHeight="1" x14ac:dyDescent="0.4">
      <c r="H792" s="79"/>
      <c r="AC792" s="78"/>
      <c r="AF792" s="77"/>
    </row>
    <row r="793" spans="1:32" ht="20.25" customHeight="1" x14ac:dyDescent="0.4">
      <c r="A793" s="76"/>
      <c r="B793" s="73"/>
      <c r="C793" s="73"/>
      <c r="D793" s="73"/>
      <c r="E793" s="73"/>
      <c r="F793" s="73"/>
      <c r="G793" s="72"/>
      <c r="H793" s="75"/>
      <c r="I793" s="74"/>
      <c r="J793" s="73"/>
      <c r="K793" s="73"/>
      <c r="L793" s="73"/>
      <c r="M793" s="73"/>
      <c r="N793" s="73"/>
      <c r="O793" s="73"/>
      <c r="P793" s="73"/>
      <c r="Q793" s="73"/>
      <c r="R793" s="73"/>
      <c r="S793" s="73"/>
      <c r="T793" s="73"/>
      <c r="U793" s="73"/>
      <c r="V793" s="73"/>
      <c r="W793" s="73"/>
      <c r="X793" s="73"/>
      <c r="Y793" s="73"/>
      <c r="Z793" s="73"/>
      <c r="AA793" s="73"/>
      <c r="AB793" s="72"/>
      <c r="AC793" s="74"/>
      <c r="AD793" s="73"/>
      <c r="AE793" s="73"/>
      <c r="AF793" s="72"/>
    </row>
    <row r="794" spans="1:32" ht="20.25" customHeight="1" x14ac:dyDescent="0.4">
      <c r="AC794" s="78"/>
      <c r="AF794" s="77"/>
    </row>
    <row r="795" spans="1:32" ht="20.25" customHeight="1" x14ac:dyDescent="0.4">
      <c r="AC795" s="78"/>
      <c r="AF795" s="77"/>
    </row>
    <row r="796" spans="1:32" ht="20.25" customHeight="1" x14ac:dyDescent="0.4">
      <c r="AC796" s="78"/>
      <c r="AF796" s="77"/>
    </row>
    <row r="797" spans="1:32" ht="20.25" customHeight="1" x14ac:dyDescent="0.4">
      <c r="AC797" s="78"/>
      <c r="AF797" s="77"/>
    </row>
    <row r="798" spans="1:32" ht="20.25" customHeight="1" x14ac:dyDescent="0.4">
      <c r="AC798" s="78"/>
      <c r="AF798" s="77"/>
    </row>
    <row r="799" spans="1:32" ht="20.25" customHeight="1" x14ac:dyDescent="0.4">
      <c r="AC799" s="78"/>
      <c r="AF799" s="77"/>
    </row>
    <row r="800" spans="1:32" ht="20.25" customHeight="1" x14ac:dyDescent="0.4">
      <c r="AC800" s="78"/>
      <c r="AF800" s="77"/>
    </row>
    <row r="801" spans="29:32" ht="20.25" customHeight="1" x14ac:dyDescent="0.4">
      <c r="AC801" s="78"/>
      <c r="AF801" s="77"/>
    </row>
    <row r="802" spans="29:32" ht="20.25" customHeight="1" x14ac:dyDescent="0.4">
      <c r="AC802" s="78"/>
      <c r="AF802" s="77"/>
    </row>
    <row r="803" spans="29:32" ht="20.25" customHeight="1" x14ac:dyDescent="0.4">
      <c r="AC803" s="78"/>
      <c r="AF803" s="77"/>
    </row>
    <row r="804" spans="29:32" ht="20.25" customHeight="1" x14ac:dyDescent="0.4">
      <c r="AC804" s="78"/>
      <c r="AF804" s="77"/>
    </row>
    <row r="805" spans="29:32" ht="20.25" customHeight="1" x14ac:dyDescent="0.4">
      <c r="AC805" s="78"/>
      <c r="AF805" s="77"/>
    </row>
    <row r="806" spans="29:32" ht="20.25" customHeight="1" x14ac:dyDescent="0.4">
      <c r="AC806" s="78"/>
      <c r="AF806" s="77"/>
    </row>
    <row r="807" spans="29:32" ht="20.25" customHeight="1" x14ac:dyDescent="0.4">
      <c r="AC807" s="78"/>
      <c r="AF807" s="77"/>
    </row>
    <row r="808" spans="29:32" ht="20.25" customHeight="1" x14ac:dyDescent="0.4">
      <c r="AC808" s="78"/>
      <c r="AF808" s="77"/>
    </row>
    <row r="809" spans="29:32" ht="20.25" customHeight="1" x14ac:dyDescent="0.4">
      <c r="AC809" s="78"/>
      <c r="AF809" s="77"/>
    </row>
    <row r="810" spans="29:32" ht="20.25" customHeight="1" x14ac:dyDescent="0.4">
      <c r="AC810" s="78"/>
      <c r="AF810" s="77"/>
    </row>
    <row r="811" spans="29:32" ht="20.25" customHeight="1" x14ac:dyDescent="0.4">
      <c r="AC811" s="78"/>
      <c r="AF811" s="77"/>
    </row>
    <row r="812" spans="29:32" ht="20.25" customHeight="1" x14ac:dyDescent="0.4">
      <c r="AC812" s="78"/>
      <c r="AF812" s="77"/>
    </row>
    <row r="813" spans="29:32" ht="20.25" customHeight="1" x14ac:dyDescent="0.4">
      <c r="AC813" s="78"/>
      <c r="AF813" s="77"/>
    </row>
    <row r="814" spans="29:32" ht="20.25" customHeight="1" x14ac:dyDescent="0.4">
      <c r="AC814" s="78"/>
      <c r="AF814" s="77"/>
    </row>
    <row r="815" spans="29:32" ht="20.25" customHeight="1" x14ac:dyDescent="0.4">
      <c r="AC815" s="78"/>
      <c r="AF815" s="77"/>
    </row>
    <row r="816" spans="29:32" ht="20.25" customHeight="1" x14ac:dyDescent="0.4">
      <c r="AC816" s="78"/>
      <c r="AF816" s="77"/>
    </row>
    <row r="817" spans="1:32" ht="20.25" customHeight="1" x14ac:dyDescent="0.4">
      <c r="AC817" s="78"/>
      <c r="AF817" s="77"/>
    </row>
    <row r="818" spans="1:32" ht="20.25" customHeight="1" x14ac:dyDescent="0.4">
      <c r="AC818" s="78"/>
      <c r="AF818" s="77"/>
    </row>
    <row r="819" spans="1:32" ht="20.25" customHeight="1" x14ac:dyDescent="0.4">
      <c r="AC819" s="78"/>
      <c r="AF819" s="77"/>
    </row>
    <row r="820" spans="1:32" ht="20.25" customHeight="1" x14ac:dyDescent="0.4">
      <c r="AC820" s="78"/>
      <c r="AF820" s="77"/>
    </row>
    <row r="821" spans="1:32" ht="20.25" customHeight="1" x14ac:dyDescent="0.4">
      <c r="AC821" s="78"/>
      <c r="AF821" s="77"/>
    </row>
    <row r="822" spans="1:32" ht="20.25" customHeight="1" x14ac:dyDescent="0.4">
      <c r="AC822" s="78"/>
      <c r="AF822" s="77"/>
    </row>
    <row r="823" spans="1:32" ht="20.25" customHeight="1" x14ac:dyDescent="0.4">
      <c r="AC823" s="78"/>
      <c r="AF823" s="77"/>
    </row>
    <row r="824" spans="1:32" ht="20.25" customHeight="1" x14ac:dyDescent="0.4">
      <c r="AC824" s="78"/>
      <c r="AF824" s="77"/>
    </row>
    <row r="825" spans="1:32" ht="20.25" customHeight="1" x14ac:dyDescent="0.4">
      <c r="AC825" s="78"/>
      <c r="AF825" s="77"/>
    </row>
    <row r="826" spans="1:32" ht="20.25" customHeight="1" x14ac:dyDescent="0.4">
      <c r="AC826" s="78"/>
      <c r="AF826" s="77"/>
    </row>
    <row r="827" spans="1:32" ht="20.25" customHeight="1" x14ac:dyDescent="0.4">
      <c r="H827" s="79"/>
      <c r="AC827" s="78"/>
      <c r="AF827" s="77"/>
    </row>
    <row r="828" spans="1:32" ht="20.25" customHeight="1" x14ac:dyDescent="0.4">
      <c r="H828" s="79"/>
      <c r="AC828" s="78"/>
      <c r="AF828" s="77"/>
    </row>
    <row r="829" spans="1:32" ht="20.25" customHeight="1" x14ac:dyDescent="0.4">
      <c r="H829" s="79"/>
      <c r="AC829" s="78"/>
      <c r="AF829" s="77"/>
    </row>
    <row r="830" spans="1:32" ht="20.25" customHeight="1" x14ac:dyDescent="0.4">
      <c r="H830" s="79"/>
      <c r="AC830" s="78"/>
      <c r="AF830" s="77"/>
    </row>
    <row r="831" spans="1:32" ht="20.25" customHeight="1" x14ac:dyDescent="0.4">
      <c r="H831" s="79"/>
      <c r="AC831" s="78"/>
      <c r="AF831" s="77"/>
    </row>
    <row r="832" spans="1:32" ht="20.25" customHeight="1" x14ac:dyDescent="0.4">
      <c r="A832" s="76"/>
      <c r="B832" s="73"/>
      <c r="C832" s="73"/>
      <c r="D832" s="73"/>
      <c r="E832" s="73"/>
      <c r="F832" s="73"/>
      <c r="G832" s="72"/>
      <c r="H832" s="75"/>
      <c r="I832" s="74"/>
      <c r="J832" s="73"/>
      <c r="K832" s="73"/>
      <c r="L832" s="73"/>
      <c r="M832" s="73"/>
      <c r="N832" s="73"/>
      <c r="O832" s="73"/>
      <c r="P832" s="73"/>
      <c r="Q832" s="73"/>
      <c r="R832" s="73"/>
      <c r="S832" s="73"/>
      <c r="T832" s="73"/>
      <c r="U832" s="73"/>
      <c r="V832" s="73"/>
      <c r="W832" s="73"/>
      <c r="X832" s="73"/>
      <c r="Y832" s="73"/>
      <c r="Z832" s="73"/>
      <c r="AA832" s="73"/>
      <c r="AB832" s="72"/>
      <c r="AC832" s="74"/>
      <c r="AD832" s="73"/>
      <c r="AE832" s="73"/>
      <c r="AF832" s="72"/>
    </row>
    <row r="833" spans="29:32" ht="20.25" customHeight="1" x14ac:dyDescent="0.4">
      <c r="AC833" s="78"/>
      <c r="AF833" s="77"/>
    </row>
    <row r="834" spans="29:32" ht="20.25" customHeight="1" x14ac:dyDescent="0.4">
      <c r="AC834" s="78"/>
      <c r="AF834" s="77"/>
    </row>
    <row r="835" spans="29:32" ht="20.25" customHeight="1" x14ac:dyDescent="0.4">
      <c r="AC835" s="78"/>
      <c r="AF835" s="77"/>
    </row>
    <row r="836" spans="29:32" ht="20.25" customHeight="1" x14ac:dyDescent="0.4">
      <c r="AC836" s="78"/>
      <c r="AF836" s="77"/>
    </row>
    <row r="837" spans="29:32" ht="20.25" customHeight="1" x14ac:dyDescent="0.4">
      <c r="AC837" s="78"/>
      <c r="AF837" s="77"/>
    </row>
    <row r="838" spans="29:32" ht="20.25" customHeight="1" x14ac:dyDescent="0.4">
      <c r="AC838" s="78"/>
      <c r="AF838" s="77"/>
    </row>
    <row r="839" spans="29:32" ht="20.25" customHeight="1" x14ac:dyDescent="0.4">
      <c r="AC839" s="78"/>
      <c r="AF839" s="77"/>
    </row>
    <row r="840" spans="29:32" ht="20.25" customHeight="1" x14ac:dyDescent="0.4">
      <c r="AC840" s="78"/>
      <c r="AF840" s="77"/>
    </row>
    <row r="841" spans="29:32" ht="20.25" customHeight="1" x14ac:dyDescent="0.4">
      <c r="AC841" s="78"/>
      <c r="AF841" s="77"/>
    </row>
    <row r="842" spans="29:32" ht="20.25" customHeight="1" x14ac:dyDescent="0.4">
      <c r="AC842" s="78"/>
      <c r="AF842" s="77"/>
    </row>
    <row r="843" spans="29:32" ht="20.25" customHeight="1" x14ac:dyDescent="0.4">
      <c r="AC843" s="78"/>
      <c r="AF843" s="77"/>
    </row>
    <row r="844" spans="29:32" ht="20.25" customHeight="1" x14ac:dyDescent="0.4">
      <c r="AC844" s="78"/>
      <c r="AF844" s="77"/>
    </row>
    <row r="845" spans="29:32" ht="20.25" customHeight="1" x14ac:dyDescent="0.4">
      <c r="AC845" s="78"/>
      <c r="AF845" s="77"/>
    </row>
    <row r="846" spans="29:32" ht="20.25" customHeight="1" x14ac:dyDescent="0.4">
      <c r="AC846" s="78"/>
      <c r="AF846" s="77"/>
    </row>
    <row r="847" spans="29:32" ht="20.25" customHeight="1" x14ac:dyDescent="0.4">
      <c r="AC847" s="78"/>
      <c r="AF847" s="77"/>
    </row>
    <row r="848" spans="29:32" ht="20.25" customHeight="1" x14ac:dyDescent="0.4">
      <c r="AC848" s="78"/>
      <c r="AF848" s="77"/>
    </row>
    <row r="849" spans="1:32" ht="20.25" customHeight="1" x14ac:dyDescent="0.4">
      <c r="AC849" s="78"/>
      <c r="AF849" s="77"/>
    </row>
    <row r="850" spans="1:32" ht="20.25" customHeight="1" x14ac:dyDescent="0.4">
      <c r="AC850" s="78"/>
      <c r="AF850" s="77"/>
    </row>
    <row r="851" spans="1:32" ht="20.25" customHeight="1" x14ac:dyDescent="0.4">
      <c r="AC851" s="78"/>
      <c r="AF851" s="77"/>
    </row>
    <row r="852" spans="1:32" ht="20.25" customHeight="1" x14ac:dyDescent="0.4">
      <c r="AC852" s="78"/>
      <c r="AF852" s="77"/>
    </row>
    <row r="853" spans="1:32" ht="20.25" customHeight="1" x14ac:dyDescent="0.4">
      <c r="AC853" s="78"/>
      <c r="AF853" s="77"/>
    </row>
    <row r="854" spans="1:32" ht="20.25" customHeight="1" x14ac:dyDescent="0.4">
      <c r="AC854" s="78"/>
      <c r="AF854" s="77"/>
    </row>
    <row r="855" spans="1:32" ht="20.25" customHeight="1" x14ac:dyDescent="0.4">
      <c r="H855" s="79"/>
      <c r="AC855" s="78"/>
      <c r="AF855" s="77"/>
    </row>
    <row r="856" spans="1:32" ht="20.25" customHeight="1" x14ac:dyDescent="0.4">
      <c r="H856" s="79"/>
      <c r="AC856" s="78"/>
      <c r="AF856" s="77"/>
    </row>
    <row r="857" spans="1:32" ht="20.25" customHeight="1" x14ac:dyDescent="0.4">
      <c r="H857" s="79"/>
      <c r="AC857" s="78"/>
      <c r="AF857" s="77"/>
    </row>
    <row r="858" spans="1:32" ht="20.25" customHeight="1" x14ac:dyDescent="0.4">
      <c r="H858" s="79"/>
      <c r="AC858" s="78"/>
      <c r="AF858" s="77"/>
    </row>
    <row r="859" spans="1:32" ht="20.25" customHeight="1" x14ac:dyDescent="0.4">
      <c r="H859" s="79"/>
      <c r="AC859" s="78"/>
      <c r="AF859" s="77"/>
    </row>
    <row r="860" spans="1:32" ht="20.25" customHeight="1" x14ac:dyDescent="0.4">
      <c r="A860" s="76"/>
      <c r="B860" s="73"/>
      <c r="C860" s="73"/>
      <c r="D860" s="73"/>
      <c r="E860" s="73"/>
      <c r="F860" s="73"/>
      <c r="G860" s="72"/>
      <c r="H860" s="75"/>
      <c r="I860" s="74"/>
      <c r="J860" s="73"/>
      <c r="K860" s="73"/>
      <c r="L860" s="73"/>
      <c r="M860" s="73"/>
      <c r="N860" s="73"/>
      <c r="O860" s="73"/>
      <c r="P860" s="73"/>
      <c r="Q860" s="73"/>
      <c r="R860" s="73"/>
      <c r="S860" s="73"/>
      <c r="T860" s="73"/>
      <c r="U860" s="73"/>
      <c r="V860" s="73"/>
      <c r="W860" s="73"/>
      <c r="X860" s="73"/>
      <c r="Y860" s="73"/>
      <c r="Z860" s="73"/>
      <c r="AA860" s="73"/>
      <c r="AB860" s="72"/>
      <c r="AC860" s="74"/>
      <c r="AD860" s="73"/>
      <c r="AE860" s="73"/>
      <c r="AF860" s="72"/>
    </row>
    <row r="861" spans="1:32" ht="20.25" customHeight="1" x14ac:dyDescent="0.4">
      <c r="AC861" s="78"/>
      <c r="AF861" s="77"/>
    </row>
    <row r="862" spans="1:32" ht="20.25" customHeight="1" x14ac:dyDescent="0.4">
      <c r="AC862" s="78"/>
      <c r="AF862" s="77"/>
    </row>
    <row r="863" spans="1:32" ht="20.25" customHeight="1" x14ac:dyDescent="0.4">
      <c r="AC863" s="78"/>
      <c r="AF863" s="77"/>
    </row>
    <row r="864" spans="1:32" ht="20.25" customHeight="1" x14ac:dyDescent="0.4">
      <c r="AC864" s="78"/>
      <c r="AF864" s="77"/>
    </row>
    <row r="865" spans="29:32" ht="20.25" customHeight="1" x14ac:dyDescent="0.4">
      <c r="AC865" s="78"/>
      <c r="AF865" s="77"/>
    </row>
    <row r="866" spans="29:32" ht="20.25" customHeight="1" x14ac:dyDescent="0.4">
      <c r="AC866" s="78"/>
      <c r="AF866" s="77"/>
    </row>
    <row r="867" spans="29:32" ht="20.25" customHeight="1" x14ac:dyDescent="0.4">
      <c r="AC867" s="78"/>
      <c r="AF867" s="77"/>
    </row>
    <row r="868" spans="29:32" ht="20.25" customHeight="1" x14ac:dyDescent="0.4">
      <c r="AC868" s="78"/>
      <c r="AF868" s="77"/>
    </row>
    <row r="869" spans="29:32" ht="20.25" customHeight="1" x14ac:dyDescent="0.4">
      <c r="AC869" s="78"/>
      <c r="AF869" s="77"/>
    </row>
    <row r="870" spans="29:32" ht="20.25" customHeight="1" x14ac:dyDescent="0.4">
      <c r="AC870" s="78"/>
      <c r="AF870" s="77"/>
    </row>
    <row r="871" spans="29:32" ht="20.25" customHeight="1" x14ac:dyDescent="0.4">
      <c r="AC871" s="78"/>
      <c r="AF871" s="77"/>
    </row>
    <row r="872" spans="29:32" ht="20.25" customHeight="1" x14ac:dyDescent="0.4">
      <c r="AC872" s="78"/>
      <c r="AF872" s="77"/>
    </row>
    <row r="873" spans="29:32" ht="20.25" customHeight="1" x14ac:dyDescent="0.4">
      <c r="AC873" s="78"/>
      <c r="AF873" s="77"/>
    </row>
    <row r="874" spans="29:32" ht="20.25" customHeight="1" x14ac:dyDescent="0.4">
      <c r="AC874" s="78"/>
      <c r="AF874" s="77"/>
    </row>
    <row r="875" spans="29:32" ht="20.25" customHeight="1" x14ac:dyDescent="0.4">
      <c r="AC875" s="78"/>
      <c r="AF875" s="77"/>
    </row>
    <row r="876" spans="29:32" ht="20.25" customHeight="1" x14ac:dyDescent="0.4">
      <c r="AC876" s="78"/>
      <c r="AF876" s="77"/>
    </row>
    <row r="877" spans="29:32" ht="20.25" customHeight="1" x14ac:dyDescent="0.4">
      <c r="AC877" s="78"/>
      <c r="AF877" s="77"/>
    </row>
    <row r="878" spans="29:32" ht="20.25" customHeight="1" x14ac:dyDescent="0.4">
      <c r="AC878" s="78"/>
      <c r="AF878" s="77"/>
    </row>
    <row r="879" spans="29:32" ht="20.25" customHeight="1" x14ac:dyDescent="0.4">
      <c r="AC879" s="78"/>
      <c r="AF879" s="77"/>
    </row>
    <row r="880" spans="29:32" ht="20.25" customHeight="1" x14ac:dyDescent="0.4">
      <c r="AC880" s="78"/>
      <c r="AF880" s="77"/>
    </row>
    <row r="881" spans="8:32" ht="20.25" customHeight="1" x14ac:dyDescent="0.4">
      <c r="AC881" s="78"/>
      <c r="AF881" s="77"/>
    </row>
    <row r="882" spans="8:32" ht="20.25" customHeight="1" x14ac:dyDescent="0.4">
      <c r="AC882" s="78"/>
      <c r="AF882" s="77"/>
    </row>
    <row r="883" spans="8:32" ht="20.25" customHeight="1" x14ac:dyDescent="0.4">
      <c r="AC883" s="78"/>
      <c r="AF883" s="77"/>
    </row>
    <row r="884" spans="8:32" ht="20.25" customHeight="1" x14ac:dyDescent="0.4">
      <c r="AC884" s="78"/>
      <c r="AF884" s="77"/>
    </row>
    <row r="885" spans="8:32" ht="20.25" customHeight="1" x14ac:dyDescent="0.4">
      <c r="AC885" s="78"/>
      <c r="AF885" s="77"/>
    </row>
    <row r="886" spans="8:32" ht="20.25" customHeight="1" x14ac:dyDescent="0.4">
      <c r="AC886" s="78"/>
      <c r="AF886" s="77"/>
    </row>
    <row r="887" spans="8:32" ht="20.25" customHeight="1" x14ac:dyDescent="0.4">
      <c r="AC887" s="78"/>
      <c r="AF887" s="77"/>
    </row>
    <row r="888" spans="8:32" ht="20.25" customHeight="1" x14ac:dyDescent="0.4">
      <c r="AC888" s="78"/>
      <c r="AF888" s="77"/>
    </row>
    <row r="889" spans="8:32" ht="20.25" customHeight="1" x14ac:dyDescent="0.4">
      <c r="AC889" s="78"/>
      <c r="AF889" s="77"/>
    </row>
    <row r="890" spans="8:32" ht="20.25" customHeight="1" x14ac:dyDescent="0.4">
      <c r="AC890" s="78"/>
      <c r="AF890" s="77"/>
    </row>
    <row r="891" spans="8:32" ht="20.25" customHeight="1" x14ac:dyDescent="0.4">
      <c r="AC891" s="78"/>
      <c r="AF891" s="77"/>
    </row>
    <row r="892" spans="8:32" ht="20.25" customHeight="1" x14ac:dyDescent="0.4">
      <c r="AC892" s="78"/>
      <c r="AF892" s="77"/>
    </row>
    <row r="893" spans="8:32" ht="20.25" customHeight="1" x14ac:dyDescent="0.4">
      <c r="AC893" s="78"/>
      <c r="AF893" s="77"/>
    </row>
    <row r="894" spans="8:32" ht="20.25" customHeight="1" x14ac:dyDescent="0.4">
      <c r="AC894" s="78"/>
      <c r="AF894" s="77"/>
    </row>
    <row r="895" spans="8:32" ht="20.25" customHeight="1" x14ac:dyDescent="0.4">
      <c r="H895" s="79"/>
      <c r="AC895" s="78"/>
      <c r="AF895" s="77"/>
    </row>
    <row r="896" spans="8:32" ht="20.25" customHeight="1" x14ac:dyDescent="0.4">
      <c r="H896" s="79"/>
      <c r="AC896" s="78"/>
      <c r="AF896" s="77"/>
    </row>
    <row r="897" spans="1:32" ht="20.25" customHeight="1" x14ac:dyDescent="0.4">
      <c r="H897" s="79"/>
      <c r="AC897" s="78"/>
      <c r="AF897" s="77"/>
    </row>
    <row r="898" spans="1:32" ht="20.25" customHeight="1" x14ac:dyDescent="0.4">
      <c r="H898" s="79"/>
      <c r="AC898" s="78"/>
      <c r="AF898" s="77"/>
    </row>
    <row r="899" spans="1:32" ht="20.25" customHeight="1" x14ac:dyDescent="0.4">
      <c r="H899" s="79"/>
      <c r="AC899" s="78"/>
      <c r="AF899" s="77"/>
    </row>
    <row r="900" spans="1:32" ht="20.25" customHeight="1" x14ac:dyDescent="0.4">
      <c r="A900" s="76"/>
      <c r="B900" s="73"/>
      <c r="C900" s="73"/>
      <c r="D900" s="73"/>
      <c r="E900" s="73"/>
      <c r="F900" s="73"/>
      <c r="G900" s="72"/>
      <c r="H900" s="75"/>
      <c r="I900" s="74"/>
      <c r="J900" s="73"/>
      <c r="K900" s="73"/>
      <c r="L900" s="73"/>
      <c r="M900" s="73"/>
      <c r="N900" s="73"/>
      <c r="O900" s="73"/>
      <c r="P900" s="73"/>
      <c r="Q900" s="73"/>
      <c r="R900" s="73"/>
      <c r="S900" s="73"/>
      <c r="T900" s="73"/>
      <c r="U900" s="73"/>
      <c r="V900" s="73"/>
      <c r="W900" s="73"/>
      <c r="X900" s="73"/>
      <c r="Y900" s="73"/>
      <c r="Z900" s="73"/>
      <c r="AA900" s="73"/>
      <c r="AB900" s="72"/>
      <c r="AC900" s="74"/>
      <c r="AD900" s="73"/>
      <c r="AE900" s="73"/>
      <c r="AF900" s="72"/>
    </row>
    <row r="901" spans="1:32" ht="20.25" customHeight="1" x14ac:dyDescent="0.4">
      <c r="AC901" s="78"/>
      <c r="AF901" s="77"/>
    </row>
    <row r="902" spans="1:32" ht="20.25" customHeight="1" x14ac:dyDescent="0.4">
      <c r="AC902" s="78"/>
      <c r="AF902" s="77"/>
    </row>
    <row r="903" spans="1:32" ht="20.25" customHeight="1" x14ac:dyDescent="0.4">
      <c r="AC903" s="78"/>
      <c r="AF903" s="77"/>
    </row>
    <row r="904" spans="1:32" ht="20.25" customHeight="1" x14ac:dyDescent="0.4">
      <c r="AC904" s="78"/>
      <c r="AF904" s="77"/>
    </row>
    <row r="905" spans="1:32" ht="20.25" customHeight="1" x14ac:dyDescent="0.4">
      <c r="AC905" s="78"/>
      <c r="AF905" s="77"/>
    </row>
    <row r="906" spans="1:32" ht="20.25" customHeight="1" x14ac:dyDescent="0.4">
      <c r="AC906" s="78"/>
      <c r="AF906" s="77"/>
    </row>
    <row r="907" spans="1:32" ht="20.25" customHeight="1" x14ac:dyDescent="0.4">
      <c r="AC907" s="78"/>
      <c r="AF907" s="77"/>
    </row>
    <row r="908" spans="1:32" ht="20.25" customHeight="1" x14ac:dyDescent="0.4">
      <c r="AC908" s="78"/>
      <c r="AF908" s="77"/>
    </row>
    <row r="909" spans="1:32" ht="20.25" customHeight="1" x14ac:dyDescent="0.4">
      <c r="AC909" s="78"/>
      <c r="AF909" s="77"/>
    </row>
    <row r="910" spans="1:32" ht="20.25" customHeight="1" x14ac:dyDescent="0.4">
      <c r="AC910" s="78"/>
      <c r="AF910" s="77"/>
    </row>
    <row r="911" spans="1:32" ht="20.25" customHeight="1" x14ac:dyDescent="0.4">
      <c r="AC911" s="78"/>
      <c r="AF911" s="77"/>
    </row>
    <row r="912" spans="1:32" ht="20.25" customHeight="1" x14ac:dyDescent="0.4">
      <c r="AC912" s="78"/>
      <c r="AF912" s="77"/>
    </row>
    <row r="913" spans="29:32" ht="20.25" customHeight="1" x14ac:dyDescent="0.4">
      <c r="AC913" s="78"/>
      <c r="AF913" s="77"/>
    </row>
    <row r="914" spans="29:32" ht="20.25" customHeight="1" x14ac:dyDescent="0.4">
      <c r="AC914" s="78"/>
      <c r="AF914" s="77"/>
    </row>
    <row r="915" spans="29:32" ht="20.25" customHeight="1" x14ac:dyDescent="0.4">
      <c r="AC915" s="78"/>
      <c r="AF915" s="77"/>
    </row>
    <row r="916" spans="29:32" ht="20.25" customHeight="1" x14ac:dyDescent="0.4">
      <c r="AC916" s="78"/>
      <c r="AF916" s="77"/>
    </row>
    <row r="917" spans="29:32" ht="20.25" customHeight="1" x14ac:dyDescent="0.4">
      <c r="AC917" s="78"/>
      <c r="AF917" s="77"/>
    </row>
    <row r="918" spans="29:32" ht="20.25" customHeight="1" x14ac:dyDescent="0.4">
      <c r="AC918" s="78"/>
      <c r="AF918" s="77"/>
    </row>
    <row r="919" spans="29:32" ht="20.25" customHeight="1" x14ac:dyDescent="0.4">
      <c r="AC919" s="78"/>
      <c r="AF919" s="77"/>
    </row>
    <row r="920" spans="29:32" ht="20.25" customHeight="1" x14ac:dyDescent="0.4">
      <c r="AC920" s="78"/>
      <c r="AF920" s="77"/>
    </row>
    <row r="921" spans="29:32" ht="20.25" customHeight="1" x14ac:dyDescent="0.4">
      <c r="AC921" s="78"/>
      <c r="AF921" s="77"/>
    </row>
    <row r="922" spans="29:32" ht="20.25" customHeight="1" x14ac:dyDescent="0.4">
      <c r="AC922" s="78"/>
      <c r="AF922" s="77"/>
    </row>
    <row r="923" spans="29:32" ht="20.25" customHeight="1" x14ac:dyDescent="0.4">
      <c r="AC923" s="78"/>
      <c r="AF923" s="77"/>
    </row>
    <row r="924" spans="29:32" ht="20.25" customHeight="1" x14ac:dyDescent="0.4">
      <c r="AC924" s="78"/>
      <c r="AF924" s="77"/>
    </row>
    <row r="925" spans="29:32" ht="20.25" customHeight="1" x14ac:dyDescent="0.4">
      <c r="AC925" s="78"/>
      <c r="AF925" s="77"/>
    </row>
    <row r="926" spans="29:32" ht="20.25" customHeight="1" x14ac:dyDescent="0.4">
      <c r="AC926" s="78"/>
      <c r="AF926" s="77"/>
    </row>
    <row r="927" spans="29:32" ht="20.25" customHeight="1" x14ac:dyDescent="0.4">
      <c r="AC927" s="78"/>
      <c r="AF927" s="77"/>
    </row>
    <row r="928" spans="29:32" ht="20.25" customHeight="1" x14ac:dyDescent="0.4">
      <c r="AC928" s="78"/>
      <c r="AF928" s="77"/>
    </row>
    <row r="929" spans="1:32" ht="20.25" customHeight="1" x14ac:dyDescent="0.4">
      <c r="AC929" s="78"/>
      <c r="AF929" s="77"/>
    </row>
    <row r="930" spans="1:32" ht="20.25" customHeight="1" x14ac:dyDescent="0.4">
      <c r="AC930" s="78"/>
      <c r="AF930" s="77"/>
    </row>
    <row r="931" spans="1:32" ht="20.25" customHeight="1" x14ac:dyDescent="0.4">
      <c r="AC931" s="78"/>
      <c r="AF931" s="77"/>
    </row>
    <row r="932" spans="1:32" ht="20.25" customHeight="1" x14ac:dyDescent="0.4">
      <c r="AC932" s="78"/>
      <c r="AF932" s="77"/>
    </row>
    <row r="933" spans="1:32" ht="20.25" customHeight="1" x14ac:dyDescent="0.4">
      <c r="AC933" s="78"/>
      <c r="AF933" s="77"/>
    </row>
    <row r="934" spans="1:32" ht="20.25" customHeight="1" x14ac:dyDescent="0.4">
      <c r="AC934" s="78"/>
      <c r="AF934" s="77"/>
    </row>
    <row r="935" spans="1:32" ht="20.25" customHeight="1" x14ac:dyDescent="0.4">
      <c r="H935" s="79"/>
      <c r="AC935" s="78"/>
      <c r="AF935" s="77"/>
    </row>
    <row r="936" spans="1:32" ht="20.25" customHeight="1" x14ac:dyDescent="0.4">
      <c r="H936" s="79"/>
      <c r="AC936" s="78"/>
      <c r="AF936" s="77"/>
    </row>
    <row r="937" spans="1:32" ht="20.25" customHeight="1" x14ac:dyDescent="0.4">
      <c r="H937" s="79"/>
      <c r="AC937" s="78"/>
      <c r="AF937" s="77"/>
    </row>
    <row r="938" spans="1:32" ht="20.25" customHeight="1" x14ac:dyDescent="0.4">
      <c r="H938" s="79"/>
      <c r="AC938" s="78"/>
      <c r="AF938" s="77"/>
    </row>
    <row r="939" spans="1:32" ht="20.25" customHeight="1" x14ac:dyDescent="0.4">
      <c r="H939" s="79"/>
      <c r="AC939" s="78"/>
      <c r="AF939" s="77"/>
    </row>
    <row r="940" spans="1:32" ht="20.25" customHeight="1" x14ac:dyDescent="0.4">
      <c r="A940" s="76"/>
      <c r="B940" s="73"/>
      <c r="C940" s="73"/>
      <c r="D940" s="73"/>
      <c r="E940" s="73"/>
      <c r="F940" s="73"/>
      <c r="G940" s="72"/>
      <c r="H940" s="75"/>
      <c r="I940" s="74"/>
      <c r="J940" s="73"/>
      <c r="K940" s="73"/>
      <c r="L940" s="73"/>
      <c r="M940" s="73"/>
      <c r="N940" s="73"/>
      <c r="O940" s="73"/>
      <c r="P940" s="73"/>
      <c r="Q940" s="73"/>
      <c r="R940" s="73"/>
      <c r="S940" s="73"/>
      <c r="T940" s="73"/>
      <c r="U940" s="73"/>
      <c r="V940" s="73"/>
      <c r="W940" s="73"/>
      <c r="X940" s="73"/>
      <c r="Y940" s="73"/>
      <c r="Z940" s="73"/>
      <c r="AA940" s="73"/>
      <c r="AB940" s="72"/>
      <c r="AC940" s="74"/>
      <c r="AD940" s="73"/>
      <c r="AE940" s="73"/>
      <c r="AF940" s="72"/>
    </row>
    <row r="941" spans="1:32" ht="20.25" customHeight="1" x14ac:dyDescent="0.4">
      <c r="AC941" s="78"/>
      <c r="AF941" s="77"/>
    </row>
    <row r="942" spans="1:32" ht="20.25" customHeight="1" x14ac:dyDescent="0.4">
      <c r="AC942" s="78"/>
      <c r="AF942" s="77"/>
    </row>
    <row r="943" spans="1:32" ht="20.25" customHeight="1" x14ac:dyDescent="0.4">
      <c r="AC943" s="78"/>
      <c r="AF943" s="77"/>
    </row>
    <row r="944" spans="1:32" ht="20.25" customHeight="1" x14ac:dyDescent="0.4">
      <c r="AC944" s="78"/>
      <c r="AF944" s="77"/>
    </row>
    <row r="945" spans="29:32" ht="20.25" customHeight="1" x14ac:dyDescent="0.4">
      <c r="AC945" s="78"/>
      <c r="AF945" s="77"/>
    </row>
    <row r="946" spans="29:32" ht="20.25" customHeight="1" x14ac:dyDescent="0.4">
      <c r="AC946" s="78"/>
      <c r="AF946" s="77"/>
    </row>
    <row r="947" spans="29:32" ht="20.25" customHeight="1" x14ac:dyDescent="0.4">
      <c r="AC947" s="78"/>
      <c r="AF947" s="77"/>
    </row>
    <row r="948" spans="29:32" ht="20.25" customHeight="1" x14ac:dyDescent="0.4">
      <c r="AC948" s="78"/>
      <c r="AF948" s="77"/>
    </row>
    <row r="949" spans="29:32" ht="20.25" customHeight="1" x14ac:dyDescent="0.4">
      <c r="AC949" s="78"/>
      <c r="AF949" s="77"/>
    </row>
    <row r="950" spans="29:32" ht="20.25" customHeight="1" x14ac:dyDescent="0.4">
      <c r="AC950" s="78"/>
      <c r="AF950" s="77"/>
    </row>
    <row r="951" spans="29:32" ht="20.25" customHeight="1" x14ac:dyDescent="0.4">
      <c r="AC951" s="78"/>
      <c r="AF951" s="77"/>
    </row>
    <row r="952" spans="29:32" ht="20.25" customHeight="1" x14ac:dyDescent="0.4">
      <c r="AC952" s="78"/>
      <c r="AF952" s="77"/>
    </row>
    <row r="953" spans="29:32" ht="20.25" customHeight="1" x14ac:dyDescent="0.4">
      <c r="AC953" s="78"/>
      <c r="AF953" s="77"/>
    </row>
    <row r="954" spans="29:32" ht="20.25" customHeight="1" x14ac:dyDescent="0.4">
      <c r="AC954" s="78"/>
      <c r="AF954" s="77"/>
    </row>
    <row r="955" spans="29:32" ht="20.25" customHeight="1" x14ac:dyDescent="0.4">
      <c r="AC955" s="78"/>
      <c r="AF955" s="77"/>
    </row>
    <row r="956" spans="29:32" ht="20.25" customHeight="1" x14ac:dyDescent="0.4">
      <c r="AC956" s="78"/>
      <c r="AF956" s="77"/>
    </row>
    <row r="957" spans="29:32" ht="20.25" customHeight="1" x14ac:dyDescent="0.4">
      <c r="AC957" s="78"/>
      <c r="AF957" s="77"/>
    </row>
    <row r="958" spans="29:32" ht="20.25" customHeight="1" x14ac:dyDescent="0.4">
      <c r="AC958" s="78"/>
      <c r="AF958" s="77"/>
    </row>
    <row r="959" spans="29:32" ht="20.25" customHeight="1" x14ac:dyDescent="0.4">
      <c r="AC959" s="78"/>
      <c r="AF959" s="77"/>
    </row>
    <row r="960" spans="29:32" ht="20.25" customHeight="1" x14ac:dyDescent="0.4">
      <c r="AC960" s="78"/>
      <c r="AF960" s="77"/>
    </row>
    <row r="961" spans="1:32" ht="20.25" customHeight="1" x14ac:dyDescent="0.4">
      <c r="AC961" s="78"/>
      <c r="AF961" s="77"/>
    </row>
    <row r="962" spans="1:32" ht="20.25" customHeight="1" x14ac:dyDescent="0.4">
      <c r="AC962" s="78"/>
      <c r="AF962" s="77"/>
    </row>
    <row r="963" spans="1:32" ht="20.25" customHeight="1" x14ac:dyDescent="0.4">
      <c r="AC963" s="78"/>
      <c r="AF963" s="77"/>
    </row>
    <row r="964" spans="1:32" ht="20.25" customHeight="1" x14ac:dyDescent="0.4">
      <c r="H964" s="79"/>
      <c r="AC964" s="78"/>
      <c r="AF964" s="77"/>
    </row>
    <row r="965" spans="1:32" ht="20.25" customHeight="1" x14ac:dyDescent="0.4">
      <c r="H965" s="79"/>
      <c r="AC965" s="78"/>
      <c r="AF965" s="77"/>
    </row>
    <row r="966" spans="1:32" ht="20.25" customHeight="1" x14ac:dyDescent="0.4">
      <c r="H966" s="79"/>
      <c r="AC966" s="78"/>
      <c r="AF966" s="77"/>
    </row>
    <row r="967" spans="1:32" ht="20.25" customHeight="1" x14ac:dyDescent="0.4">
      <c r="H967" s="79"/>
      <c r="AC967" s="78"/>
      <c r="AF967" s="77"/>
    </row>
    <row r="968" spans="1:32" ht="20.25" customHeight="1" x14ac:dyDescent="0.4">
      <c r="H968" s="79"/>
      <c r="AC968" s="78"/>
      <c r="AF968" s="77"/>
    </row>
    <row r="969" spans="1:32" ht="20.25" customHeight="1" x14ac:dyDescent="0.4">
      <c r="A969" s="76"/>
      <c r="B969" s="73"/>
      <c r="C969" s="73"/>
      <c r="D969" s="73"/>
      <c r="E969" s="73"/>
      <c r="F969" s="73"/>
      <c r="G969" s="72"/>
      <c r="H969" s="75"/>
      <c r="I969" s="74"/>
      <c r="J969" s="73"/>
      <c r="K969" s="73"/>
      <c r="L969" s="73"/>
      <c r="M969" s="73"/>
      <c r="N969" s="73"/>
      <c r="O969" s="73"/>
      <c r="P969" s="73"/>
      <c r="Q969" s="73"/>
      <c r="R969" s="73"/>
      <c r="S969" s="73"/>
      <c r="T969" s="73"/>
      <c r="U969" s="73"/>
      <c r="V969" s="73"/>
      <c r="W969" s="73"/>
      <c r="X969" s="73"/>
      <c r="Y969" s="73"/>
      <c r="Z969" s="73"/>
      <c r="AA969" s="73"/>
      <c r="AB969" s="72"/>
      <c r="AC969" s="74"/>
      <c r="AD969" s="73"/>
      <c r="AE969" s="73"/>
      <c r="AF969" s="72"/>
    </row>
  </sheetData>
  <mergeCells count="16">
    <mergeCell ref="B15:G15"/>
    <mergeCell ref="B68:Q68"/>
    <mergeCell ref="B14:K14"/>
    <mergeCell ref="B32:G32"/>
    <mergeCell ref="B62:G62"/>
    <mergeCell ref="B63:G63"/>
    <mergeCell ref="B34:K34"/>
    <mergeCell ref="B67:Q67"/>
    <mergeCell ref="B66:Q66"/>
    <mergeCell ref="B64:G64"/>
    <mergeCell ref="B65:G65"/>
    <mergeCell ref="B54:Q54"/>
    <mergeCell ref="B55:G55"/>
    <mergeCell ref="B58:Q58"/>
    <mergeCell ref="B59:M59"/>
    <mergeCell ref="B60:G60"/>
  </mergeCells>
  <phoneticPr fontId="3"/>
  <printOptions horizontalCentered="1"/>
  <pageMargins left="0.23622047244094491" right="0.23622047244094491" top="0.74803149606299213" bottom="0.74803149606299213" header="0.31496062992125984" footer="0.31496062992125984"/>
  <pageSetup paperSize="9" scale="36" orientation="portrait" r:id="rId1"/>
  <headerFooter alignWithMargins="0"/>
  <rowBreaks count="2" manualBreakCount="2">
    <brk id="36" max="16" man="1"/>
    <brk id="165" max="16383" man="1"/>
  </rowBreaks>
  <colBreaks count="1" manualBreakCount="1">
    <brk id="1" max="1048575" man="1"/>
  </col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98D9AF9-7333-440C-84E9-DF635AB61644}">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別紙１-１ｰ２</vt:lpstr>
      <vt:lpstr>備考（1）</vt:lpstr>
      <vt:lpstr>Sheet1</vt:lpstr>
      <vt:lpstr>'備考（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cp:lastPrinted>2024-03-26T00:39:35Z</cp:lastPrinted>
  <dcterms:created xsi:type="dcterms:W3CDTF">2024-03-26T00:28:12Z</dcterms:created>
  <dcterms:modified xsi:type="dcterms:W3CDTF">2024-03-26T00:39:39Z</dcterms:modified>
</cp:coreProperties>
</file>